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6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9E60C0-F67A-4AF6-3DFD-EAD792B91D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999433D-22F8-4615-66D1-34C20C1BE0D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FB7E64-D4B2-F5C0-1AE0-50957A2401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AC25CD-4BD4-377F-E59D-7E682E698F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673A9B-52E1-8AF4-0D11-167BA5B011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23386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A2D25D-8296-A972-D62F-4C14098782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68E5FE-A425-3A0B-EA5F-4E79560793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E37194-6003-9FDE-E0CF-AEE7930B94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646BD3-1552-4D3B-B97A-96181B6F6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57CD3D-BA85-A62B-CA7E-923D7B5553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28321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98D3C7-FE40-33A2-4B97-B506A2FB9D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74004A-2671-7E38-9A1C-5FBFA1180C2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4A0179-614C-D0FF-4C7B-12CBA6E124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1B6B6B-E5E3-E784-35E9-8BC142BD62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E35F46-7E17-F526-66A2-D85043C8DB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451160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35C67-A4C5-72FB-A0D4-986C9AD9AA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5CE423-F32F-6D3B-40C1-CC0B399F12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3E2366-C869-F7B1-17A4-8145BB42B8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E77CB0-D034-FBF1-AB5E-888729F719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3D9101-874E-0658-9057-210F76953D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24058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157B46-18E4-68E1-58FA-3F1C9FA4C6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194975-0D41-6789-992F-ECCC1745E29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55AC6C-64EC-64C3-C082-4494BB9F47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BC2644-0192-2BCA-B4B6-569411149E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DAD6CA1-704E-FD26-D905-B3CECC08E5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35854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50929B-641D-3C74-340F-300C5E5E6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D1E8AD-8458-C75F-7E36-49E9BB76B03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CFF0A54-DA09-0578-38C4-32C135FDE59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BB46084-F96F-BFA0-BBC4-F410FADF8C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B8D7802-1E97-7A7B-CC54-A4607788A1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84BAD4A-2C50-F82C-44E0-88689ABC19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33251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41883E-2DB1-39D0-A9C2-41AE621582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42A31BC-2270-48A6-786B-CA0FA5C2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1103A6-46AE-8337-E592-F19CA79007E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A51BEE8-2009-8566-AF43-71E3E90284B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61CBD72-4B8F-D67C-158C-574009C921F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FCB23CE-3F81-7655-2111-203E013559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031BD59-6743-E2B3-7A01-64D98A3242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FC390C4-2783-1030-3E99-B98C05697C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68061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459C3C-0B62-D1B0-A5B2-B74D7E24E8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D86254-C3E2-2437-1727-70B7D08A75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5D5E88E-DAFE-8BF0-35B9-24DB743CD3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295F7F7-7C58-8343-5F51-0199025F33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5217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88F17C3-9BB2-CB0A-69EB-D121072DFD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F6EB0-3C8B-18A4-CE5F-0DEA3D6239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D743683-F512-7C7A-BF9A-B9FE84BFB9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513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D40DE8-97F9-F9D2-D9AE-01AF43CF4A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1FAA1F-83AE-B746-233D-9BD33F04E96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FAB9668-776C-6CE3-8D6A-29E6BB4E515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7562EE8-E52D-EC31-60F1-01C0449470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7BC48-63F8-141B-F2CC-EC8DAAE6CA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13C3803-83F1-4619-E85A-93DC6D513E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81420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BEC847-497B-48BF-66C4-3D339603F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16F3F7C-911B-D4D3-7E1B-484955EEF69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56D4AD-39DC-7E3B-178A-324119C9F09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C43FD5-5346-D646-3A18-B41AFBE15B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C92D1C-9D09-A048-A070-09771F8C2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06779CC-CD3A-BAB4-D670-95B37AC4C8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12786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56A17C4-4430-867B-669A-C207AD5F94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AD4DD1A-3B66-6A94-389D-F8B9573F30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205152-67A2-1ABE-6EC7-5DA225E360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BF31AC1D-B399-4835-9B6A-73826BF9B52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A24C26-0D03-41FF-69CA-3DC69F66999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202342-EE0D-254C-06A8-72D02D18D0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44C05ED5-B860-45C3-8153-A169726FFD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51673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OTLSHAPE_SL_e9898d4380ca4cb3a4deb534e6966edb_BackgroundRectangle">
            <a:extLst>
              <a:ext uri="{FF2B5EF4-FFF2-40B4-BE49-F238E27FC236}">
                <a16:creationId xmlns:a16="http://schemas.microsoft.com/office/drawing/2014/main" id="{D6A252A1-7EE6-EC65-5B6B-AD6B136BCF4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81967"/>
            <a:ext cx="11290300" cy="760603"/>
          </a:xfrm>
          <a:prstGeom prst="rect">
            <a:avLst/>
          </a:prstGeom>
          <a:solidFill>
            <a:srgbClr val="5F0F40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73278e1b5a3a4e75861daafd6093d8cf_BackgroundRectangle">
            <a:extLst>
              <a:ext uri="{FF2B5EF4-FFF2-40B4-BE49-F238E27FC236}">
                <a16:creationId xmlns:a16="http://schemas.microsoft.com/office/drawing/2014/main" id="{22BB0C56-E564-79C2-CF1D-4C5842D9E8B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06070"/>
            <a:ext cx="11290300" cy="735203"/>
          </a:xfrm>
          <a:prstGeom prst="rect">
            <a:avLst/>
          </a:prstGeom>
          <a:solidFill>
            <a:srgbClr val="9A031E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ddf2098de0a8493db9b7a49ceec25862_BackgroundRectangle">
            <a:extLst>
              <a:ext uri="{FF2B5EF4-FFF2-40B4-BE49-F238E27FC236}">
                <a16:creationId xmlns:a16="http://schemas.microsoft.com/office/drawing/2014/main" id="{A50A5C71-562A-F4D4-2DA8-B1FDB109238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04773"/>
            <a:ext cx="11290300" cy="511302"/>
          </a:xfrm>
          <a:prstGeom prst="rect">
            <a:avLst/>
          </a:prstGeom>
          <a:solidFill>
            <a:srgbClr val="FB8B24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54979fc9647748a9b3a35641a10e7b1d_BackgroundRectangle">
            <a:extLst>
              <a:ext uri="{FF2B5EF4-FFF2-40B4-BE49-F238E27FC236}">
                <a16:creationId xmlns:a16="http://schemas.microsoft.com/office/drawing/2014/main" id="{5A012F39-1A94-2208-9147-85923DC1ABD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979575"/>
            <a:ext cx="11290300" cy="697103"/>
          </a:xfrm>
          <a:prstGeom prst="rect">
            <a:avLst/>
          </a:prstGeom>
          <a:solidFill>
            <a:srgbClr val="E36414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2f31c6df3f8143a59611ca10fa8bd4a7_BackgroundRectangle">
            <a:extLst>
              <a:ext uri="{FF2B5EF4-FFF2-40B4-BE49-F238E27FC236}">
                <a16:creationId xmlns:a16="http://schemas.microsoft.com/office/drawing/2014/main" id="{C6736ED6-B8C9-9A40-B99D-6B1D8113B23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740178"/>
            <a:ext cx="11290300" cy="760603"/>
          </a:xfrm>
          <a:prstGeom prst="rect">
            <a:avLst/>
          </a:prstGeom>
          <a:solidFill>
            <a:srgbClr val="0F4C5C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2A_28377ac23a9b437683453baeb784a2cd_BackgroundRectangle" hidden="1">
            <a:extLst>
              <a:ext uri="{FF2B5EF4-FFF2-40B4-BE49-F238E27FC236}">
                <a16:creationId xmlns:a16="http://schemas.microsoft.com/office/drawing/2014/main" id="{802D33AB-4600-EC06-E7C4-432D73E5B1F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791842" y="2781967"/>
            <a:ext cx="9563100" cy="7606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2A_96dcb61d99ca440fa6fd1f0572bbc988_BackgroundRectangle" hidden="1">
            <a:extLst>
              <a:ext uri="{FF2B5EF4-FFF2-40B4-BE49-F238E27FC236}">
                <a16:creationId xmlns:a16="http://schemas.microsoft.com/office/drawing/2014/main" id="{23D34125-3125-5689-0D0D-2FF391D5370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791842" y="3606070"/>
            <a:ext cx="9563100" cy="7352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f4d23c2c4ad44ccf9282707551e32262_BackgroundRectangle" hidden="1">
            <a:extLst>
              <a:ext uri="{FF2B5EF4-FFF2-40B4-BE49-F238E27FC236}">
                <a16:creationId xmlns:a16="http://schemas.microsoft.com/office/drawing/2014/main" id="{9E98F99E-E46F-8188-F71B-89B81B7FF13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791842" y="4404773"/>
            <a:ext cx="9563100" cy="5113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1ef790ebbe224b37b60f25312bca3741_BackgroundRectangle" hidden="1">
            <a:extLst>
              <a:ext uri="{FF2B5EF4-FFF2-40B4-BE49-F238E27FC236}">
                <a16:creationId xmlns:a16="http://schemas.microsoft.com/office/drawing/2014/main" id="{FB385F7F-C67E-EF76-BE4E-BFB413C6543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791842" y="4979575"/>
            <a:ext cx="9563100" cy="6971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2A_53ce8123c6674ecf9ff4b91d5e50bce2_BackgroundRectangle" hidden="1">
            <a:extLst>
              <a:ext uri="{FF2B5EF4-FFF2-40B4-BE49-F238E27FC236}">
                <a16:creationId xmlns:a16="http://schemas.microsoft.com/office/drawing/2014/main" id="{45A9BF4E-659C-5A90-444B-B96ECD1A0D7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791842" y="5740178"/>
            <a:ext cx="9563100" cy="7606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TB_00000000000000000000000000000000_LeftEndCaps" hidden="1">
            <a:extLst>
              <a:ext uri="{FF2B5EF4-FFF2-40B4-BE49-F238E27FC236}">
                <a16:creationId xmlns:a16="http://schemas.microsoft.com/office/drawing/2014/main" id="{2C9A4B81-F647-2881-8105-73673F2F3321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47" name="OTLSHAPE_TB_00000000000000000000000000000000_RightEndCaps" hidden="1">
            <a:extLst>
              <a:ext uri="{FF2B5EF4-FFF2-40B4-BE49-F238E27FC236}">
                <a16:creationId xmlns:a16="http://schemas.microsoft.com/office/drawing/2014/main" id="{F4985FC8-3239-F6E7-DECA-FEB82AE6E5B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20" name="OTLSHAPE_M_614c35fde23a46efa7db295b8013f09c_Connector1">
            <a:extLst>
              <a:ext uri="{FF2B5EF4-FFF2-40B4-BE49-F238E27FC236}">
                <a16:creationId xmlns:a16="http://schemas.microsoft.com/office/drawing/2014/main" id="{1AAE29AF-F539-EBD3-63CB-9C4E22F04C2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756072" y="785019"/>
            <a:ext cx="0" cy="3530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M_00cf2f911e73481f90de2ca29aeac201_Connector1">
            <a:extLst>
              <a:ext uri="{FF2B5EF4-FFF2-40B4-BE49-F238E27FC236}">
                <a16:creationId xmlns:a16="http://schemas.microsoft.com/office/drawing/2014/main" id="{4DA64028-3D7B-CAAA-ED3D-A0B088ECF04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948680" y="1740059"/>
            <a:ext cx="0" cy="4546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M_2a4bfd7a23144ed29927075cd8216c5f_Connector1">
            <a:extLst>
              <a:ext uri="{FF2B5EF4-FFF2-40B4-BE49-F238E27FC236}">
                <a16:creationId xmlns:a16="http://schemas.microsoft.com/office/drawing/2014/main" id="{C0126975-3E8C-4887-DE00-16AD6018591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902652" y="1262539"/>
            <a:ext cx="0" cy="3530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M_4e6ce4e607b040f8b65b44e74782c294_Connector1">
            <a:extLst>
              <a:ext uri="{FF2B5EF4-FFF2-40B4-BE49-F238E27FC236}">
                <a16:creationId xmlns:a16="http://schemas.microsoft.com/office/drawing/2014/main" id="{1A166266-7B73-39FD-A53D-2665C5A0EB1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701548" y="1262539"/>
            <a:ext cx="0" cy="3530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M_886881bd135a4706bbf8b64136950a6e_Connector1">
            <a:extLst>
              <a:ext uri="{FF2B5EF4-FFF2-40B4-BE49-F238E27FC236}">
                <a16:creationId xmlns:a16="http://schemas.microsoft.com/office/drawing/2014/main" id="{E62E256B-7C8A-F876-FB95-8D09484B004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383887" y="1740059"/>
            <a:ext cx="0" cy="4546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655ffe5101c642daa5d0fdd57eb2faea_Connector1">
            <a:extLst>
              <a:ext uri="{FF2B5EF4-FFF2-40B4-BE49-F238E27FC236}">
                <a16:creationId xmlns:a16="http://schemas.microsoft.com/office/drawing/2014/main" id="{0DC871EF-F518-A796-496C-CE18839877A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934659" y="1262539"/>
            <a:ext cx="0" cy="93218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40873560b6c04ae8a4f2cb7410ae0f3e_Connector1">
            <a:extLst>
              <a:ext uri="{FF2B5EF4-FFF2-40B4-BE49-F238E27FC236}">
                <a16:creationId xmlns:a16="http://schemas.microsoft.com/office/drawing/2014/main" id="{AFD00F78-4109-A0E2-FE00-81228C40AB6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368875" y="1740059"/>
            <a:ext cx="0" cy="4546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M_d2d8195f10b8402dbea127365f95dc9b_Connector1">
            <a:extLst>
              <a:ext uri="{FF2B5EF4-FFF2-40B4-BE49-F238E27FC236}">
                <a16:creationId xmlns:a16="http://schemas.microsoft.com/office/drawing/2014/main" id="{8B8DDAE7-712D-E981-F755-6D330E607A4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359386" y="1262539"/>
            <a:ext cx="0" cy="93218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M_0749ea36395e41f69526cc0b303efbad_Connector1">
            <a:extLst>
              <a:ext uri="{FF2B5EF4-FFF2-40B4-BE49-F238E27FC236}">
                <a16:creationId xmlns:a16="http://schemas.microsoft.com/office/drawing/2014/main" id="{F8B5DC06-5F20-94A0-1E1A-4C4CFB24470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879143" y="785019"/>
            <a:ext cx="0" cy="83058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76698815e2b641218081b95c7be1ef14_Connector1">
            <a:extLst>
              <a:ext uri="{FF2B5EF4-FFF2-40B4-BE49-F238E27FC236}">
                <a16:creationId xmlns:a16="http://schemas.microsoft.com/office/drawing/2014/main" id="{BCF9A510-9A8C-129F-1BCF-608340304D7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02100" y="1740059"/>
            <a:ext cx="0" cy="45466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M_614c35fde23a46efa7db295b8013f09c_Connector2">
            <a:extLst>
              <a:ext uri="{FF2B5EF4-FFF2-40B4-BE49-F238E27FC236}">
                <a16:creationId xmlns:a16="http://schemas.microsoft.com/office/drawing/2014/main" id="{6621421E-D0C2-4C6C-E595-BA3AF6C7823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756072" y="1323880"/>
            <a:ext cx="0" cy="2917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M_614c35fde23a46efa7db295b8013f09c_Connector3">
            <a:extLst>
              <a:ext uri="{FF2B5EF4-FFF2-40B4-BE49-F238E27FC236}">
                <a16:creationId xmlns:a16="http://schemas.microsoft.com/office/drawing/2014/main" id="{BC1A7921-2980-7278-087B-C5412634D57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756072" y="1801400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M_614c35fde23a46efa7db295b8013f09c_Connector4">
            <a:extLst>
              <a:ext uri="{FF2B5EF4-FFF2-40B4-BE49-F238E27FC236}">
                <a16:creationId xmlns:a16="http://schemas.microsoft.com/office/drawing/2014/main" id="{3D4CE6B3-BFFA-9174-3ACC-3C0665125E7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756072" y="1978819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M_0749ea36395e41f69526cc0b303efbad_Connector2">
            <a:extLst>
              <a:ext uri="{FF2B5EF4-FFF2-40B4-BE49-F238E27FC236}">
                <a16:creationId xmlns:a16="http://schemas.microsoft.com/office/drawing/2014/main" id="{9373CA34-AA77-2169-E4B0-CB9A72F7BFB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879143" y="1801400"/>
            <a:ext cx="0" cy="3933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M_2a4bfd7a23144ed29927075cd8216c5f_Connector2">
            <a:extLst>
              <a:ext uri="{FF2B5EF4-FFF2-40B4-BE49-F238E27FC236}">
                <a16:creationId xmlns:a16="http://schemas.microsoft.com/office/drawing/2014/main" id="{C1F7355E-260F-6218-F67F-1903E7A28AA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902652" y="1801400"/>
            <a:ext cx="0" cy="3933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M_4e6ce4e607b040f8b65b44e74782c294_Connector2">
            <a:extLst>
              <a:ext uri="{FF2B5EF4-FFF2-40B4-BE49-F238E27FC236}">
                <a16:creationId xmlns:a16="http://schemas.microsoft.com/office/drawing/2014/main" id="{37BB1AC4-1B1F-0F70-A9F7-60971AA9158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701548" y="1801400"/>
            <a:ext cx="0" cy="3933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2" name="OTLSHAPE_TB_00000000000000000000000000000000_ScaleContainer">
            <a:extLst>
              <a:ext uri="{FF2B5EF4-FFF2-40B4-BE49-F238E27FC236}">
                <a16:creationId xmlns:a16="http://schemas.microsoft.com/office/drawing/2014/main" id="{2113DC60-968F-66ED-1D9E-3E9750E307A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918842" y="2194719"/>
            <a:ext cx="9436100" cy="182880"/>
          </a:xfrm>
          <a:prstGeom prst="round2SameRect">
            <a:avLst/>
          </a:prstGeom>
          <a:solidFill>
            <a:srgbClr val="E3641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_e9898d4380ca4cb3a4deb534e6966edb_HeaderRectangle">
            <a:extLst>
              <a:ext uri="{FF2B5EF4-FFF2-40B4-BE49-F238E27FC236}">
                <a16:creationId xmlns:a16="http://schemas.microsoft.com/office/drawing/2014/main" id="{B18E8AFD-F2A4-7C24-9466-0C52B8292BA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2781967"/>
            <a:ext cx="1739900" cy="760603"/>
          </a:xfrm>
          <a:prstGeom prst="rect">
            <a:avLst/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_73278e1b5a3a4e75861daafd6093d8cf_HeaderRectangle">
            <a:extLst>
              <a:ext uri="{FF2B5EF4-FFF2-40B4-BE49-F238E27FC236}">
                <a16:creationId xmlns:a16="http://schemas.microsoft.com/office/drawing/2014/main" id="{033A525C-BA7F-4DA8-4D12-2854A1CF269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3606070"/>
            <a:ext cx="1739900" cy="735203"/>
          </a:xfrm>
          <a:prstGeom prst="rect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ddf2098de0a8493db9b7a49ceec25862_HeaderRectangle">
            <a:extLst>
              <a:ext uri="{FF2B5EF4-FFF2-40B4-BE49-F238E27FC236}">
                <a16:creationId xmlns:a16="http://schemas.microsoft.com/office/drawing/2014/main" id="{D7079896-5698-23A0-1472-8CF2B87D3A5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4404773"/>
            <a:ext cx="1739900" cy="511302"/>
          </a:xfrm>
          <a:prstGeom prst="rect">
            <a:avLst/>
          </a:prstGeom>
          <a:solidFill>
            <a:srgbClr val="FB8B2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54979fc9647748a9b3a35641a10e7b1d_HeaderRectangle">
            <a:extLst>
              <a:ext uri="{FF2B5EF4-FFF2-40B4-BE49-F238E27FC236}">
                <a16:creationId xmlns:a16="http://schemas.microsoft.com/office/drawing/2014/main" id="{4D359B34-4698-E828-8DE4-7AD6C62B8E6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3500" y="4979575"/>
            <a:ext cx="1739900" cy="697103"/>
          </a:xfrm>
          <a:prstGeom prst="rect">
            <a:avLst/>
          </a:prstGeom>
          <a:solidFill>
            <a:srgbClr val="E3641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_2f31c6df3f8143a59611ca10fa8bd4a7_HeaderRectangle">
            <a:extLst>
              <a:ext uri="{FF2B5EF4-FFF2-40B4-BE49-F238E27FC236}">
                <a16:creationId xmlns:a16="http://schemas.microsoft.com/office/drawing/2014/main" id="{AFCDC76D-CFCF-1FF1-61A3-39200C88139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500" y="5740178"/>
            <a:ext cx="1739900" cy="760603"/>
          </a:xfrm>
          <a:prstGeom prst="rect">
            <a:avLst/>
          </a:prstGeom>
          <a:solidFill>
            <a:srgbClr val="0F4C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TB_00000000000000000000000000000000_MiddleScaleContainer">
            <a:extLst>
              <a:ext uri="{FF2B5EF4-FFF2-40B4-BE49-F238E27FC236}">
                <a16:creationId xmlns:a16="http://schemas.microsoft.com/office/drawing/2014/main" id="{E5FA5AE3-AB33-33D3-A667-9A25044E9B9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918842" y="2386743"/>
            <a:ext cx="9436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FB8B2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BB0A286D-64D4-F4C4-4F5C-28C47EC0C60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18842" y="2194719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SL2A_28377ac23a9b437683453baeb784a2cd_HeaderRectangle" hidden="1">
            <a:extLst>
              <a:ext uri="{FF2B5EF4-FFF2-40B4-BE49-F238E27FC236}">
                <a16:creationId xmlns:a16="http://schemas.microsoft.com/office/drawing/2014/main" id="{63622F8D-AA68-D30F-74F2-87FAF1B034A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791842" y="2781967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2A_96dcb61d99ca440fa6fd1f0572bbc988_HeaderRectangle" hidden="1">
            <a:extLst>
              <a:ext uri="{FF2B5EF4-FFF2-40B4-BE49-F238E27FC236}">
                <a16:creationId xmlns:a16="http://schemas.microsoft.com/office/drawing/2014/main" id="{E8756BC4-2191-9CC4-11A3-0DBA8C09409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791842" y="3606070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2A_f4d23c2c4ad44ccf9282707551e32262_HeaderRectangle" hidden="1">
            <a:extLst>
              <a:ext uri="{FF2B5EF4-FFF2-40B4-BE49-F238E27FC236}">
                <a16:creationId xmlns:a16="http://schemas.microsoft.com/office/drawing/2014/main" id="{CFCE965B-EA9C-2803-C92C-D05BC8AF8BC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91842" y="440477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2A_1ef790ebbe224b37b60f25312bca3741_HeaderRectangle" hidden="1">
            <a:extLst>
              <a:ext uri="{FF2B5EF4-FFF2-40B4-BE49-F238E27FC236}">
                <a16:creationId xmlns:a16="http://schemas.microsoft.com/office/drawing/2014/main" id="{D0655607-3DD4-5012-72F2-752F9CE9FD1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791842" y="4979575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2A_53ce8123c6674ecf9ff4b91d5e50bce2_HeaderRectangle" hidden="1">
            <a:extLst>
              <a:ext uri="{FF2B5EF4-FFF2-40B4-BE49-F238E27FC236}">
                <a16:creationId xmlns:a16="http://schemas.microsoft.com/office/drawing/2014/main" id="{B86B9928-C751-98E7-3240-CB3CB005904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791842" y="5740178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4" name="OTLSHAPE_G_00000000000000000000000000000000_ShapeBelow0">
            <a:extLst>
              <a:ext uri="{FF2B5EF4-FFF2-40B4-BE49-F238E27FC236}">
                <a16:creationId xmlns:a16="http://schemas.microsoft.com/office/drawing/2014/main" id="{30CF870A-6CE0-E316-D511-65BC9D00744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880320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1">
            <a:extLst>
              <a:ext uri="{FF2B5EF4-FFF2-40B4-BE49-F238E27FC236}">
                <a16:creationId xmlns:a16="http://schemas.microsoft.com/office/drawing/2014/main" id="{59CE87BE-8D1F-493A-7414-7495DA177B64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3841798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2">
            <a:extLst>
              <a:ext uri="{FF2B5EF4-FFF2-40B4-BE49-F238E27FC236}">
                <a16:creationId xmlns:a16="http://schemas.microsoft.com/office/drawing/2014/main" id="{A77D62AB-C2C3-D19C-B968-B962CC692409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772261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3">
            <a:extLst>
              <a:ext uri="{FF2B5EF4-FFF2-40B4-BE49-F238E27FC236}">
                <a16:creationId xmlns:a16="http://schemas.microsoft.com/office/drawing/2014/main" id="{E777D068-59C6-E161-BEB0-4DFE98ECB89B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733740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OTLSHAPE_G_00000000000000000000000000000000_ShapeBelow4">
            <a:extLst>
              <a:ext uri="{FF2B5EF4-FFF2-40B4-BE49-F238E27FC236}">
                <a16:creationId xmlns:a16="http://schemas.microsoft.com/office/drawing/2014/main" id="{800C0AC3-885C-21BC-9DE0-001ADF034B29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6664203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9" name="OTLSHAPE_G_00000000000000000000000000000000_ShapeBelow5">
            <a:extLst>
              <a:ext uri="{FF2B5EF4-FFF2-40B4-BE49-F238E27FC236}">
                <a16:creationId xmlns:a16="http://schemas.microsoft.com/office/drawing/2014/main" id="{3F001B32-01A0-B792-71DE-7E873814FC7F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7625682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G_00000000000000000000000000000000_ShapeBelow6">
            <a:extLst>
              <a:ext uri="{FF2B5EF4-FFF2-40B4-BE49-F238E27FC236}">
                <a16:creationId xmlns:a16="http://schemas.microsoft.com/office/drawing/2014/main" id="{970A313B-5629-1DC7-E52E-A740A60E60DF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8587160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G_00000000000000000000000000000000_ShapeBelow7">
            <a:extLst>
              <a:ext uri="{FF2B5EF4-FFF2-40B4-BE49-F238E27FC236}">
                <a16:creationId xmlns:a16="http://schemas.microsoft.com/office/drawing/2014/main" id="{01A89B8E-ED07-F0C3-15D2-03657CADB0D0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9455593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G_00000000000000000000000000000000_ShapeBelow8">
            <a:extLst>
              <a:ext uri="{FF2B5EF4-FFF2-40B4-BE49-F238E27FC236}">
                <a16:creationId xmlns:a16="http://schemas.microsoft.com/office/drawing/2014/main" id="{EFEAD1C6-0C22-B1A8-3FBC-BEE6AB2A5110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0417071" y="2578767"/>
            <a:ext cx="0" cy="392201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OTLSHAPE_SLM_74c03cfeeba0427a8727d506acee8445_Shape">
            <a:extLst>
              <a:ext uri="{FF2B5EF4-FFF2-40B4-BE49-F238E27FC236}">
                <a16:creationId xmlns:a16="http://schemas.microsoft.com/office/drawing/2014/main" id="{6A343A0C-0D4D-E44A-5A15-1068662165C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610500" y="2824067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" name="OTLSHAPE_SLM_74ee8e519fdc45a4a58d8bf74198d835_Shape">
            <a:extLst>
              <a:ext uri="{FF2B5EF4-FFF2-40B4-BE49-F238E27FC236}">
                <a16:creationId xmlns:a16="http://schemas.microsoft.com/office/drawing/2014/main" id="{51FC9E43-9AB5-6817-EF4E-C953CE8EC24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14253" y="307336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" name="OTLSHAPE_SLM_2dd9b75962c34dd6b763e977e3b9abe6_Shape">
            <a:extLst>
              <a:ext uri="{FF2B5EF4-FFF2-40B4-BE49-F238E27FC236}">
                <a16:creationId xmlns:a16="http://schemas.microsoft.com/office/drawing/2014/main" id="{591E8CD4-4FF6-F5F1-4931-DAF0F057BEA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393392" y="332266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" name="OTLSHAPE_SLM_9a896a93711b445caa5b75a6fe52eaf3_Shape">
            <a:extLst>
              <a:ext uri="{FF2B5EF4-FFF2-40B4-BE49-F238E27FC236}">
                <a16:creationId xmlns:a16="http://schemas.microsoft.com/office/drawing/2014/main" id="{458D92C6-6377-F7BE-E8FB-63BE251360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013701" y="3648170"/>
            <a:ext cx="152400" cy="177800"/>
          </a:xfrm>
          <a:prstGeom prst="teardrop">
            <a:avLst/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M_0d5cd4b036704a5ba78616382c400cf1_Shape">
            <a:extLst>
              <a:ext uri="{FF2B5EF4-FFF2-40B4-BE49-F238E27FC236}">
                <a16:creationId xmlns:a16="http://schemas.microsoft.com/office/drawing/2014/main" id="{53A1302D-95DC-3292-65C4-41B84FE392E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378380" y="3872071"/>
            <a:ext cx="152400" cy="177800"/>
          </a:xfrm>
          <a:prstGeom prst="teardrop">
            <a:avLst/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c05b778173944beab9d48d52679feb31_Shape">
            <a:extLst>
              <a:ext uri="{FF2B5EF4-FFF2-40B4-BE49-F238E27FC236}">
                <a16:creationId xmlns:a16="http://schemas.microsoft.com/office/drawing/2014/main" id="{023369E2-93F9-36D6-5970-1534C77A600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478932" y="4121372"/>
            <a:ext cx="152400" cy="177800"/>
          </a:xfrm>
          <a:prstGeom prst="teardrop">
            <a:avLst/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28062d33c11348f6bafc83717f85d403_Shape">
            <a:extLst>
              <a:ext uri="{FF2B5EF4-FFF2-40B4-BE49-F238E27FC236}">
                <a16:creationId xmlns:a16="http://schemas.microsoft.com/office/drawing/2014/main" id="{67824EA5-419C-5757-47E6-8A454D8D512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874627" y="4446873"/>
            <a:ext cx="152400" cy="177800"/>
          </a:xfrm>
          <a:prstGeom prst="diamond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11db6cd9e6cb4b88a799e34d4be8a1da_Shape">
            <a:extLst>
              <a:ext uri="{FF2B5EF4-FFF2-40B4-BE49-F238E27FC236}">
                <a16:creationId xmlns:a16="http://schemas.microsoft.com/office/drawing/2014/main" id="{0E21DD27-8B70-F0A9-9534-FB62735E31A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401889" y="4696174"/>
            <a:ext cx="152400" cy="177800"/>
          </a:xfrm>
          <a:prstGeom prst="diamond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M_19cd6e60ffec41dab073eff61b0e6334_Shape">
            <a:extLst>
              <a:ext uri="{FF2B5EF4-FFF2-40B4-BE49-F238E27FC236}">
                <a16:creationId xmlns:a16="http://schemas.microsoft.com/office/drawing/2014/main" id="{0208D162-4C4E-C0A3-868E-BAE1D979842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541955" y="502167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M_403522850b564bb1a9ce04c15a0d8e26_Shape">
            <a:extLst>
              <a:ext uri="{FF2B5EF4-FFF2-40B4-BE49-F238E27FC236}">
                <a16:creationId xmlns:a16="http://schemas.microsoft.com/office/drawing/2014/main" id="{B3D18CCD-4FF1-B53F-0523-75BEDDA30EB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069217" y="536387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5F0F4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M_b633884cf54646bda748e53963ff8638_Shape">
            <a:extLst>
              <a:ext uri="{FF2B5EF4-FFF2-40B4-BE49-F238E27FC236}">
                <a16:creationId xmlns:a16="http://schemas.microsoft.com/office/drawing/2014/main" id="{11AC439D-EF4B-A8A2-696E-4BE48C9F081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596480" y="5782278"/>
            <a:ext cx="152400" cy="177800"/>
          </a:xfrm>
          <a:prstGeom prst="star8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M_f113a85abd1f475ab8037b613b728f89_Shape">
            <a:extLst>
              <a:ext uri="{FF2B5EF4-FFF2-40B4-BE49-F238E27FC236}">
                <a16:creationId xmlns:a16="http://schemas.microsoft.com/office/drawing/2014/main" id="{D70B5F69-307C-07D0-7E29-CCEF517BAA3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782573" y="6031579"/>
            <a:ext cx="152400" cy="177800"/>
          </a:xfrm>
          <a:prstGeom prst="star8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M_773223675f51438b859912dcec789a2c_Shape">
            <a:extLst>
              <a:ext uri="{FF2B5EF4-FFF2-40B4-BE49-F238E27FC236}">
                <a16:creationId xmlns:a16="http://schemas.microsoft.com/office/drawing/2014/main" id="{D9360396-1FC2-2736-D3A1-4139465E0FC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9999680" y="6280880"/>
            <a:ext cx="152400" cy="177800"/>
          </a:xfrm>
          <a:prstGeom prst="star8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TB_00000000000000000000000000000000_ElapsedTime" hidden="1">
            <a:extLst>
              <a:ext uri="{FF2B5EF4-FFF2-40B4-BE49-F238E27FC236}">
                <a16:creationId xmlns:a16="http://schemas.microsoft.com/office/drawing/2014/main" id="{D4A86555-B5B2-7798-BC98-68B36EDEE27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918842" y="2194719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_e9898d4380ca4cb3a4deb534e6966edb_Header">
            <a:extLst>
              <a:ext uri="{FF2B5EF4-FFF2-40B4-BE49-F238E27FC236}">
                <a16:creationId xmlns:a16="http://schemas.microsoft.com/office/drawing/2014/main" id="{09A6E8B2-4D1A-28F4-4749-5F00AE4A0C1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3060922"/>
            <a:ext cx="1739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" panose="020B0502040204020203" pitchFamily="34" charset="0"/>
              </a:rPr>
              <a:t>Market research</a:t>
            </a:r>
          </a:p>
        </p:txBody>
      </p:sp>
      <p:sp>
        <p:nvSpPr>
          <p:cNvPr id="64" name="OTLSHAPE_SL_73278e1b5a3a4e75861daafd6093d8cf_Header">
            <a:extLst>
              <a:ext uri="{FF2B5EF4-FFF2-40B4-BE49-F238E27FC236}">
                <a16:creationId xmlns:a16="http://schemas.microsoft.com/office/drawing/2014/main" id="{5806C4E5-BD64-317D-0884-FE982A35802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3872325"/>
            <a:ext cx="1739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Segoe UI" panose="020B0502040204020203" pitchFamily="34" charset="0"/>
              </a:rPr>
              <a:t>Strategy development</a:t>
            </a:r>
          </a:p>
        </p:txBody>
      </p:sp>
      <p:sp>
        <p:nvSpPr>
          <p:cNvPr id="67" name="OTLSHAPE_SL_ddf2098de0a8493db9b7a49ceec25862_Header">
            <a:extLst>
              <a:ext uri="{FF2B5EF4-FFF2-40B4-BE49-F238E27FC236}">
                <a16:creationId xmlns:a16="http://schemas.microsoft.com/office/drawing/2014/main" id="{8D770A36-3284-77F4-3F9B-8741A01B348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4559078"/>
            <a:ext cx="1739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Segoe UI" panose="020B0502040204020203" pitchFamily="34" charset="0"/>
              </a:rPr>
              <a:t>Campaign launch</a:t>
            </a:r>
          </a:p>
        </p:txBody>
      </p:sp>
      <p:sp>
        <p:nvSpPr>
          <p:cNvPr id="70" name="OTLSHAPE_SL_54979fc9647748a9b3a35641a10e7b1d_Header">
            <a:extLst>
              <a:ext uri="{FF2B5EF4-FFF2-40B4-BE49-F238E27FC236}">
                <a16:creationId xmlns:a16="http://schemas.microsoft.com/office/drawing/2014/main" id="{498DA0F2-2449-C78E-02CF-5278597A839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5226780"/>
            <a:ext cx="1739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Segoe UI" panose="020B0502040204020203" pitchFamily="34" charset="0"/>
              </a:rPr>
              <a:t>Campaign review</a:t>
            </a:r>
          </a:p>
        </p:txBody>
      </p:sp>
      <p:sp>
        <p:nvSpPr>
          <p:cNvPr id="73" name="OTLSHAPE_SL_2f31c6df3f8143a59611ca10fa8bd4a7_Header">
            <a:extLst>
              <a:ext uri="{FF2B5EF4-FFF2-40B4-BE49-F238E27FC236}">
                <a16:creationId xmlns:a16="http://schemas.microsoft.com/office/drawing/2014/main" id="{57DD72E9-D37F-5A1E-321E-0BE5A0B4A16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6019133"/>
            <a:ext cx="1739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Segoe UI" panose="020B0502040204020203" pitchFamily="34" charset="0"/>
              </a:rPr>
              <a:t>Documentation</a:t>
            </a:r>
          </a:p>
        </p:txBody>
      </p:sp>
      <p:sp>
        <p:nvSpPr>
          <p:cNvPr id="253" name="OTLSHAPE_SL2A_28377ac23a9b437683453baeb784a2cd_Header" hidden="1">
            <a:extLst>
              <a:ext uri="{FF2B5EF4-FFF2-40B4-BE49-F238E27FC236}">
                <a16:creationId xmlns:a16="http://schemas.microsoft.com/office/drawing/2014/main" id="{FE7FFFD4-8C6B-8EDD-3805-847646A8FB7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2A_96dcb61d99ca440fa6fd1f0572bbc988_Header" hidden="1">
            <a:extLst>
              <a:ext uri="{FF2B5EF4-FFF2-40B4-BE49-F238E27FC236}">
                <a16:creationId xmlns:a16="http://schemas.microsoft.com/office/drawing/2014/main" id="{082E809F-F2F8-5076-E482-2D1EFC1786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2A_f4d23c2c4ad44ccf9282707551e32262_Header" hidden="1">
            <a:extLst>
              <a:ext uri="{FF2B5EF4-FFF2-40B4-BE49-F238E27FC236}">
                <a16:creationId xmlns:a16="http://schemas.microsoft.com/office/drawing/2014/main" id="{597BA5A4-054B-1500-E61E-B65C09EA76E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2A_1ef790ebbe224b37b60f25312bca3741_Header" hidden="1">
            <a:extLst>
              <a:ext uri="{FF2B5EF4-FFF2-40B4-BE49-F238E27FC236}">
                <a16:creationId xmlns:a16="http://schemas.microsoft.com/office/drawing/2014/main" id="{7D7B256E-D0DF-E74A-6B4E-306C5EF9120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2A_53ce8123c6674ecf9ff4b91d5e50bce2_Header" hidden="1">
            <a:extLst>
              <a:ext uri="{FF2B5EF4-FFF2-40B4-BE49-F238E27FC236}">
                <a16:creationId xmlns:a16="http://schemas.microsoft.com/office/drawing/2014/main" id="{A4CB3977-1521-5A6C-21A5-132CA3B5319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TB_00000000000000000000000000000000_TodayMarkerShape" hidden="1">
            <a:extLst>
              <a:ext uri="{FF2B5EF4-FFF2-40B4-BE49-F238E27FC236}">
                <a16:creationId xmlns:a16="http://schemas.microsoft.com/office/drawing/2014/main" id="{27E6D198-E940-EF95-B5BB-9FD8417E2C0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892716" y="2578767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6BD4D9A-0348-C17A-08F2-68FEDD05238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982342" y="2167922"/>
            <a:ext cx="1922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Jul</a:t>
            </a:r>
            <a:endParaRPr lang="en-US" sz="1400" spc="-44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59B324B-71DB-CC88-4579-A8B415A90B2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43820" y="2167922"/>
            <a:ext cx="309124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BC5AA09-3353-F4B6-ECD7-F35DD4EB5E1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05299" y="2167922"/>
            <a:ext cx="285014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Sep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168E304F-27E1-F3AD-131E-47AF7792212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835762" y="2167922"/>
            <a:ext cx="268150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Oct</a:t>
            </a:r>
            <a:endParaRPr lang="en-US" sz="1400" spc="-44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B40441F1-F9FB-BF7D-E71C-65E463EDCC1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797241" y="2167922"/>
            <a:ext cx="3139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Nov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EDF6C3AE-758D-4CC9-0A80-7AF13203595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727704" y="2167922"/>
            <a:ext cx="292259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Dec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75D3352B-F4C6-38C1-DA98-31FA0332383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689183" y="2167922"/>
            <a:ext cx="244106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2">
                <a:solidFill>
                  <a:schemeClr val="lt1"/>
                </a:solidFill>
                <a:latin typeface="Segoe UI" panose="020B0502040204020203" pitchFamily="34" charset="0"/>
              </a:rPr>
              <a:t>Jan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EE77630D-AE14-002F-B58F-90A5FDFE03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650661" y="2167922"/>
            <a:ext cx="276999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Feb</a:t>
            </a:r>
            <a:endParaRPr lang="en-US" sz="1400" spc="-44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85" name="OTLSHAPE_SLM_74c03cfeeba0427a8727d506acee8445_Title">
            <a:extLst>
              <a:ext uri="{FF2B5EF4-FFF2-40B4-BE49-F238E27FC236}">
                <a16:creationId xmlns:a16="http://schemas.microsoft.com/office/drawing/2014/main" id="{98296202-D908-1FCA-2930-2FFCF1EA3D3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813700" y="2820067"/>
            <a:ext cx="1587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rgbClr val="5F0F40"/>
                </a:solidFill>
                <a:latin typeface="Segoe UI" panose="020B0502040204020203" pitchFamily="34" charset="0"/>
              </a:rPr>
              <a:t>Target audience defined</a:t>
            </a:r>
          </a:p>
        </p:txBody>
      </p:sp>
      <p:sp>
        <p:nvSpPr>
          <p:cNvPr id="86" name="OTLSHAPE_SLM_74c03cfeeba0427a8727d506acee8445_Date">
            <a:extLst>
              <a:ext uri="{FF2B5EF4-FFF2-40B4-BE49-F238E27FC236}">
                <a16:creationId xmlns:a16="http://schemas.microsoft.com/office/drawing/2014/main" id="{CFE10850-2F34-7A41-3A3C-21EBBF650F7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188733" y="2836958"/>
            <a:ext cx="381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 dirty="0">
                <a:solidFill>
                  <a:srgbClr val="0F4C5C"/>
                </a:solidFill>
                <a:latin typeface="Segoe UI Semibold" panose="020B0702040204020203" pitchFamily="34" charset="0"/>
              </a:rPr>
              <a:t>Aug 26</a:t>
            </a:r>
          </a:p>
        </p:txBody>
      </p:sp>
      <p:sp>
        <p:nvSpPr>
          <p:cNvPr id="88" name="OTLSHAPE_SLM_74ee8e519fdc45a4a58d8bf74198d835_Date">
            <a:extLst>
              <a:ext uri="{FF2B5EF4-FFF2-40B4-BE49-F238E27FC236}">
                <a16:creationId xmlns:a16="http://schemas.microsoft.com/office/drawing/2014/main" id="{6277DD33-C222-B6D0-162A-2D7FC310D39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710308" y="3086259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Aug 10</a:t>
            </a:r>
          </a:p>
        </p:txBody>
      </p:sp>
      <p:sp>
        <p:nvSpPr>
          <p:cNvPr id="89" name="OTLSHAPE_SLM_74ee8e519fdc45a4a58d8bf74198d835_Title">
            <a:extLst>
              <a:ext uri="{FF2B5EF4-FFF2-40B4-BE49-F238E27FC236}">
                <a16:creationId xmlns:a16="http://schemas.microsoft.com/office/drawing/2014/main" id="{1D84ADE3-7383-D8E4-E15B-43A3DC5A44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317453" y="3069368"/>
            <a:ext cx="1028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Market analysis</a:t>
            </a:r>
          </a:p>
        </p:txBody>
      </p:sp>
      <p:sp>
        <p:nvSpPr>
          <p:cNvPr id="91" name="OTLSHAPE_SLM_2dd9b75962c34dd6b763e977e3b9abe6_Title">
            <a:extLst>
              <a:ext uri="{FF2B5EF4-FFF2-40B4-BE49-F238E27FC236}">
                <a16:creationId xmlns:a16="http://schemas.microsoft.com/office/drawing/2014/main" id="{27AFA757-C26E-8291-D131-18878FCED96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96592" y="3318669"/>
            <a:ext cx="1435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Competitors analyzed</a:t>
            </a:r>
          </a:p>
        </p:txBody>
      </p:sp>
      <p:sp>
        <p:nvSpPr>
          <p:cNvPr id="92" name="OTLSHAPE_SLM_2dd9b75962c34dd6b763e977e3b9abe6_Date">
            <a:extLst>
              <a:ext uri="{FF2B5EF4-FFF2-40B4-BE49-F238E27FC236}">
                <a16:creationId xmlns:a16="http://schemas.microsoft.com/office/drawing/2014/main" id="{50B23BFD-31C5-5E08-6690-6F7C39A7F2B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989109" y="3335560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6" dirty="0">
                <a:solidFill>
                  <a:srgbClr val="0F4C5C"/>
                </a:solidFill>
                <a:latin typeface="Segoe UI Semibold" panose="020B0702040204020203" pitchFamily="34" charset="0"/>
              </a:rPr>
              <a:t>Aug 19</a:t>
            </a:r>
          </a:p>
        </p:txBody>
      </p:sp>
      <p:sp>
        <p:nvSpPr>
          <p:cNvPr id="97" name="OTLSHAPE_SLM_9a896a93711b445caa5b75a6fe52eaf3_Title">
            <a:extLst>
              <a:ext uri="{FF2B5EF4-FFF2-40B4-BE49-F238E27FC236}">
                <a16:creationId xmlns:a16="http://schemas.microsoft.com/office/drawing/2014/main" id="{F0C9B02E-E469-624E-529A-109BA7FE5C9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216901" y="3644170"/>
            <a:ext cx="1244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Campaign planned</a:t>
            </a:r>
          </a:p>
        </p:txBody>
      </p:sp>
      <p:sp>
        <p:nvSpPr>
          <p:cNvPr id="98" name="OTLSHAPE_SLM_9a896a93711b445caa5b75a6fe52eaf3_Date">
            <a:extLst>
              <a:ext uri="{FF2B5EF4-FFF2-40B4-BE49-F238E27FC236}">
                <a16:creationId xmlns:a16="http://schemas.microsoft.com/office/drawing/2014/main" id="{E1325707-5C9A-3374-3082-FE2797CB0AB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676219" y="3661061"/>
            <a:ext cx="292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Sep 8</a:t>
            </a:r>
          </a:p>
        </p:txBody>
      </p:sp>
      <p:sp>
        <p:nvSpPr>
          <p:cNvPr id="100" name="OTLSHAPE_SLM_0d5cd4b036704a5ba78616382c400cf1_Date">
            <a:extLst>
              <a:ext uri="{FF2B5EF4-FFF2-40B4-BE49-F238E27FC236}">
                <a16:creationId xmlns:a16="http://schemas.microsoft.com/office/drawing/2014/main" id="{E836AB8E-645E-2AE8-237C-82C60F9F39D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987770" y="3884962"/>
            <a:ext cx="342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Oct 22</a:t>
            </a:r>
          </a:p>
        </p:txBody>
      </p:sp>
      <p:sp>
        <p:nvSpPr>
          <p:cNvPr id="101" name="OTLSHAPE_SLM_0d5cd4b036704a5ba78616382c400cf1_Title">
            <a:extLst>
              <a:ext uri="{FF2B5EF4-FFF2-40B4-BE49-F238E27FC236}">
                <a16:creationId xmlns:a16="http://schemas.microsoft.com/office/drawing/2014/main" id="{D4DC7286-3FAE-4A50-46F1-0F4FFCFE5CF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581580" y="3868071"/>
            <a:ext cx="199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F0F40"/>
                </a:solidFill>
                <a:latin typeface="Segoe UI" panose="020B0502040204020203" pitchFamily="34" charset="0"/>
              </a:rPr>
              <a:t>Marketing materials produced</a:t>
            </a:r>
          </a:p>
        </p:txBody>
      </p:sp>
      <p:sp>
        <p:nvSpPr>
          <p:cNvPr id="103" name="OTLSHAPE_SLM_c05b778173944beab9d48d52679feb31_Date">
            <a:extLst>
              <a:ext uri="{FF2B5EF4-FFF2-40B4-BE49-F238E27FC236}">
                <a16:creationId xmlns:a16="http://schemas.microsoft.com/office/drawing/2014/main" id="{11B85863-0627-1060-F948-D22FA0106FB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077993" y="4134263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Sep 23</a:t>
            </a:r>
          </a:p>
        </p:txBody>
      </p:sp>
      <p:sp>
        <p:nvSpPr>
          <p:cNvPr id="104" name="OTLSHAPE_SLM_c05b778173944beab9d48d52679feb31_Title">
            <a:extLst>
              <a:ext uri="{FF2B5EF4-FFF2-40B4-BE49-F238E27FC236}">
                <a16:creationId xmlns:a16="http://schemas.microsoft.com/office/drawing/2014/main" id="{81959738-B3E0-C5A8-D59C-9DB8930E243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682132" y="4117372"/>
            <a:ext cx="1143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F0F40"/>
                </a:solidFill>
                <a:latin typeface="Segoe UI" panose="020B0502040204020203" pitchFamily="34" charset="0"/>
              </a:rPr>
              <a:t>Budget approved</a:t>
            </a:r>
          </a:p>
        </p:txBody>
      </p:sp>
      <p:sp>
        <p:nvSpPr>
          <p:cNvPr id="109" name="OTLSHAPE_SLM_28062d33c11348f6bafc83717f85d403_Date">
            <a:extLst>
              <a:ext uri="{FF2B5EF4-FFF2-40B4-BE49-F238E27FC236}">
                <a16:creationId xmlns:a16="http://schemas.microsoft.com/office/drawing/2014/main" id="{BA3009C5-9B2D-4A8B-1883-FFE7EBD4D50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517207" y="4459764"/>
            <a:ext cx="317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12">
                <a:solidFill>
                  <a:srgbClr val="0F4C5C"/>
                </a:solidFill>
                <a:latin typeface="Segoe UI Semibold" panose="020B0702040204020203" pitchFamily="34" charset="0"/>
              </a:rPr>
              <a:t>Nov 7</a:t>
            </a:r>
          </a:p>
        </p:txBody>
      </p:sp>
      <p:sp>
        <p:nvSpPr>
          <p:cNvPr id="110" name="OTLSHAPE_SLM_28062d33c11348f6bafc83717f85d403_Title">
            <a:extLst>
              <a:ext uri="{FF2B5EF4-FFF2-40B4-BE49-F238E27FC236}">
                <a16:creationId xmlns:a16="http://schemas.microsoft.com/office/drawing/2014/main" id="{23AE20A7-869E-6F29-F368-E0B06B9B871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77827" y="4442873"/>
            <a:ext cx="1739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rgbClr val="5F0F40"/>
                </a:solidFill>
                <a:latin typeface="Segoe UI" panose="020B0502040204020203" pitchFamily="34" charset="0"/>
              </a:rPr>
              <a:t>Digital marketing initiated</a:t>
            </a:r>
          </a:p>
        </p:txBody>
      </p:sp>
      <p:sp>
        <p:nvSpPr>
          <p:cNvPr id="112" name="OTLSHAPE_SLM_11db6cd9e6cb4b88a799e34d4be8a1da_Date">
            <a:extLst>
              <a:ext uri="{FF2B5EF4-FFF2-40B4-BE49-F238E27FC236}">
                <a16:creationId xmlns:a16="http://schemas.microsoft.com/office/drawing/2014/main" id="{309F5C42-2CB0-BCDA-D4CF-007D64BCD5B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976439" y="4709065"/>
            <a:ext cx="381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Nov 24</a:t>
            </a:r>
          </a:p>
        </p:txBody>
      </p:sp>
      <p:sp>
        <p:nvSpPr>
          <p:cNvPr id="113" name="OTLSHAPE_SLM_11db6cd9e6cb4b88a799e34d4be8a1da_Title">
            <a:extLst>
              <a:ext uri="{FF2B5EF4-FFF2-40B4-BE49-F238E27FC236}">
                <a16:creationId xmlns:a16="http://schemas.microsoft.com/office/drawing/2014/main" id="{D0AC88A4-0F56-4F1A-E244-0148349F581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605090" y="4692174"/>
            <a:ext cx="1143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Prints and events</a:t>
            </a:r>
          </a:p>
        </p:txBody>
      </p:sp>
      <p:sp>
        <p:nvSpPr>
          <p:cNvPr id="118" name="OTLSHAPE_SLM_19cd6e60ffec41dab073eff61b0e6334_Title">
            <a:extLst>
              <a:ext uri="{FF2B5EF4-FFF2-40B4-BE49-F238E27FC236}">
                <a16:creationId xmlns:a16="http://schemas.microsoft.com/office/drawing/2014/main" id="{CC7FB8C0-241D-9920-C91A-3719D3C867A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745155" y="5017675"/>
            <a:ext cx="1574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Performance evaluation</a:t>
            </a:r>
          </a:p>
        </p:txBody>
      </p:sp>
      <p:sp>
        <p:nvSpPr>
          <p:cNvPr id="119" name="OTLSHAPE_SLM_19cd6e60ffec41dab073eff61b0e6334_Date">
            <a:extLst>
              <a:ext uri="{FF2B5EF4-FFF2-40B4-BE49-F238E27FC236}">
                <a16:creationId xmlns:a16="http://schemas.microsoft.com/office/drawing/2014/main" id="{62689DE7-B33E-01B7-0AB6-DF8B16ABEF1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226740" y="5034566"/>
            <a:ext cx="266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Feb 1</a:t>
            </a:r>
          </a:p>
        </p:txBody>
      </p:sp>
      <p:sp>
        <p:nvSpPr>
          <p:cNvPr id="121" name="OTLSHAPE_SLM_403522850b564bb1a9ce04c15a0d8e26_Title">
            <a:extLst>
              <a:ext uri="{FF2B5EF4-FFF2-40B4-BE49-F238E27FC236}">
                <a16:creationId xmlns:a16="http://schemas.microsoft.com/office/drawing/2014/main" id="{C2FD085D-5AB2-BB3A-ED2D-B30BDC9DE55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272417" y="5266976"/>
            <a:ext cx="12192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rgbClr val="5F0F40"/>
                </a:solidFill>
                <a:latin typeface="Segoe UI" panose="020B0502040204020203" pitchFamily="34" charset="0"/>
              </a:rPr>
              <a:t>Report and future recommendations</a:t>
            </a:r>
          </a:p>
        </p:txBody>
      </p:sp>
      <p:sp>
        <p:nvSpPr>
          <p:cNvPr id="122" name="OTLSHAPE_SLM_403522850b564bb1a9ce04c15a0d8e26_Date">
            <a:extLst>
              <a:ext uri="{FF2B5EF4-FFF2-40B4-BE49-F238E27FC236}">
                <a16:creationId xmlns:a16="http://schemas.microsoft.com/office/drawing/2014/main" id="{85ACE737-4D21-700E-0BFE-3B3E290B2E4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690546" y="5376767"/>
            <a:ext cx="330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Feb 18</a:t>
            </a:r>
          </a:p>
        </p:txBody>
      </p:sp>
      <p:sp>
        <p:nvSpPr>
          <p:cNvPr id="18" name="OTLSHAPE_TB_00000000000000000000000000000000_TimescaleInterval9">
            <a:extLst>
              <a:ext uri="{FF2B5EF4-FFF2-40B4-BE49-F238E27FC236}">
                <a16:creationId xmlns:a16="http://schemas.microsoft.com/office/drawing/2014/main" id="{DD5E99B4-8FE2-F2F0-71DB-31E806E8FE3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519093" y="2167922"/>
            <a:ext cx="303481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Mar</a:t>
            </a:r>
          </a:p>
        </p:txBody>
      </p:sp>
      <p:sp>
        <p:nvSpPr>
          <p:cNvPr id="22" name="OTLSHAPE_TB_00000000000000000000000000000000_TimescaleInterval10">
            <a:extLst>
              <a:ext uri="{FF2B5EF4-FFF2-40B4-BE49-F238E27FC236}">
                <a16:creationId xmlns:a16="http://schemas.microsoft.com/office/drawing/2014/main" id="{EE4F990A-B7B6-F451-071C-B6BCB04BAA9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480572" y="2167922"/>
            <a:ext cx="272190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Segoe UI" panose="020B0502040204020203" pitchFamily="34" charset="0"/>
              </a:rPr>
              <a:t>Apr</a:t>
            </a:r>
            <a:endParaRPr lang="en-US" sz="1400" spc="-44" dirty="0">
              <a:solidFill>
                <a:schemeClr val="lt1"/>
              </a:solidFill>
              <a:latin typeface="Segoe UI" panose="020B0502040204020203" pitchFamily="34" charset="0"/>
            </a:endParaRPr>
          </a:p>
        </p:txBody>
      </p:sp>
      <p:sp>
        <p:nvSpPr>
          <p:cNvPr id="144" name="OTLSHAPE_SLM_b633884cf54646bda748e53963ff8638_Title">
            <a:extLst>
              <a:ext uri="{FF2B5EF4-FFF2-40B4-BE49-F238E27FC236}">
                <a16:creationId xmlns:a16="http://schemas.microsoft.com/office/drawing/2014/main" id="{65F48574-0CBD-136F-376E-90EA7EDDE6A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089879" y="5778278"/>
            <a:ext cx="1460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Document key lessons</a:t>
            </a:r>
          </a:p>
        </p:txBody>
      </p:sp>
      <p:sp>
        <p:nvSpPr>
          <p:cNvPr id="145" name="OTLSHAPE_SLM_b633884cf54646bda748e53963ff8638_Date">
            <a:extLst>
              <a:ext uri="{FF2B5EF4-FFF2-40B4-BE49-F238E27FC236}">
                <a16:creationId xmlns:a16="http://schemas.microsoft.com/office/drawing/2014/main" id="{98E3A3F5-8920-71EE-E55A-B8C50D2FD13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799680" y="5795169"/>
            <a:ext cx="292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8">
                <a:solidFill>
                  <a:srgbClr val="0F4C5C"/>
                </a:solidFill>
                <a:latin typeface="Segoe UI Semibold" panose="020B0702040204020203" pitchFamily="34" charset="0"/>
              </a:rPr>
              <a:t>Mar 7</a:t>
            </a:r>
          </a:p>
        </p:txBody>
      </p:sp>
      <p:sp>
        <p:nvSpPr>
          <p:cNvPr id="147" name="OTLSHAPE_SLM_f113a85abd1f475ab8037b613b728f89_Title">
            <a:extLst>
              <a:ext uri="{FF2B5EF4-FFF2-40B4-BE49-F238E27FC236}">
                <a16:creationId xmlns:a16="http://schemas.microsoft.com/office/drawing/2014/main" id="{8AE110C6-8257-AA79-E667-A5978AB5EAE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914614" y="6027579"/>
            <a:ext cx="1828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F0F40"/>
                </a:solidFill>
                <a:latin typeface="Segoe UI" panose="020B0502040204020203" pitchFamily="34" charset="0"/>
              </a:rPr>
              <a:t>Archive campaign materials</a:t>
            </a:r>
          </a:p>
        </p:txBody>
      </p:sp>
      <p:sp>
        <p:nvSpPr>
          <p:cNvPr id="148" name="OTLSHAPE_SLM_f113a85abd1f475ab8037b613b728f89_Date">
            <a:extLst>
              <a:ext uri="{FF2B5EF4-FFF2-40B4-BE49-F238E27FC236}">
                <a16:creationId xmlns:a16="http://schemas.microsoft.com/office/drawing/2014/main" id="{12CEE009-C780-64F8-A697-17C91A0981A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985773" y="6044470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>
                <a:solidFill>
                  <a:srgbClr val="0F4C5C"/>
                </a:solidFill>
                <a:latin typeface="Segoe UI Semibold" panose="020B0702040204020203" pitchFamily="34" charset="0"/>
              </a:rPr>
              <a:t>Mar 13</a:t>
            </a:r>
          </a:p>
        </p:txBody>
      </p:sp>
      <p:sp>
        <p:nvSpPr>
          <p:cNvPr id="150" name="OTLSHAPE_SLM_773223675f51438b859912dcec789a2c_Title">
            <a:extLst>
              <a:ext uri="{FF2B5EF4-FFF2-40B4-BE49-F238E27FC236}">
                <a16:creationId xmlns:a16="http://schemas.microsoft.com/office/drawing/2014/main" id="{7757B915-70C9-6E99-B002-C9BBC20F186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079227" y="6276880"/>
            <a:ext cx="876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2" dirty="0">
                <a:solidFill>
                  <a:srgbClr val="5F0F40"/>
                </a:solidFill>
                <a:latin typeface="Segoe UI" panose="020B0502040204020203" pitchFamily="34" charset="0"/>
              </a:rPr>
              <a:t>Post-mortem</a:t>
            </a:r>
          </a:p>
        </p:txBody>
      </p:sp>
      <p:sp>
        <p:nvSpPr>
          <p:cNvPr id="151" name="OTLSHAPE_SLM_773223675f51438b859912dcec789a2c_Date">
            <a:extLst>
              <a:ext uri="{FF2B5EF4-FFF2-40B4-BE49-F238E27FC236}">
                <a16:creationId xmlns:a16="http://schemas.microsoft.com/office/drawing/2014/main" id="{BE3A1C0F-BDC7-2EF2-1833-2E04746F131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202880" y="6293771"/>
            <a:ext cx="368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>
                <a:solidFill>
                  <a:srgbClr val="0F4C5C"/>
                </a:solidFill>
                <a:latin typeface="Segoe UI Semibold" panose="020B0702040204020203" pitchFamily="34" charset="0"/>
              </a:rPr>
              <a:t>Mar 20</a:t>
            </a:r>
          </a:p>
        </p:txBody>
      </p:sp>
      <p:sp>
        <p:nvSpPr>
          <p:cNvPr id="205" name="OTLSHAPE_TB_00000000000000000000000000000000_MiddleTimescaleInterval1">
            <a:extLst>
              <a:ext uri="{FF2B5EF4-FFF2-40B4-BE49-F238E27FC236}">
                <a16:creationId xmlns:a16="http://schemas.microsoft.com/office/drawing/2014/main" id="{A8FAB57E-209C-2372-2257-C14E07D41CC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982342" y="2376837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dk1"/>
                </a:solidFill>
                <a:latin typeface="Segoe UI" panose="020B0502040204020203" pitchFamily="34" charset="0"/>
              </a:rPr>
              <a:t>Q3</a:t>
            </a:r>
          </a:p>
        </p:txBody>
      </p:sp>
      <p:sp>
        <p:nvSpPr>
          <p:cNvPr id="206" name="OTLSHAPE_TB_00000000000000000000000000000000_MiddleTimescaleInterval2">
            <a:extLst>
              <a:ext uri="{FF2B5EF4-FFF2-40B4-BE49-F238E27FC236}">
                <a16:creationId xmlns:a16="http://schemas.microsoft.com/office/drawing/2014/main" id="{C7144B0C-5152-61FB-E8D7-53E124918A2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835762" y="2376837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dk1"/>
                </a:solidFill>
                <a:latin typeface="Segoe UI" panose="020B0502040204020203" pitchFamily="34" charset="0"/>
              </a:rPr>
              <a:t>Q4</a:t>
            </a:r>
          </a:p>
        </p:txBody>
      </p:sp>
      <p:sp>
        <p:nvSpPr>
          <p:cNvPr id="207" name="OTLSHAPE_TB_00000000000000000000000000000000_MiddleTimescaleInterval3">
            <a:extLst>
              <a:ext uri="{FF2B5EF4-FFF2-40B4-BE49-F238E27FC236}">
                <a16:creationId xmlns:a16="http://schemas.microsoft.com/office/drawing/2014/main" id="{E968FD7D-68D6-F2DE-EE3C-8AB1DAC810C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689183" y="2376837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dk1"/>
                </a:solidFill>
                <a:latin typeface="Segoe UI" panose="020B0502040204020203" pitchFamily="34" charset="0"/>
              </a:rPr>
              <a:t>Q1</a:t>
            </a:r>
          </a:p>
        </p:txBody>
      </p:sp>
      <p:sp>
        <p:nvSpPr>
          <p:cNvPr id="208" name="OTLSHAPE_TB_00000000000000000000000000000000_MiddleTimescaleInterval4">
            <a:extLst>
              <a:ext uri="{FF2B5EF4-FFF2-40B4-BE49-F238E27FC236}">
                <a16:creationId xmlns:a16="http://schemas.microsoft.com/office/drawing/2014/main" id="{8BF2ACAB-4F14-1AAD-A9AC-E562331DCDE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480572" y="2376837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dk1"/>
                </a:solidFill>
                <a:latin typeface="Segoe UI" panose="020B0502040204020203" pitchFamily="34" charset="0"/>
              </a:rPr>
              <a:t>Q2</a:t>
            </a:r>
            <a:endParaRPr lang="en-US" sz="1200" b="1" spc="-40" dirty="0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251" name="OTLSHAPE_TB_00000000000000000000000000000000_TodayMarkerText" hidden="1">
            <a:extLst>
              <a:ext uri="{FF2B5EF4-FFF2-40B4-BE49-F238E27FC236}">
                <a16:creationId xmlns:a16="http://schemas.microsoft.com/office/drawing/2014/main" id="{AB5B92B8-294F-5DF0-9BFE-A2D7C96E4E1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4665666A-14D8-0C87-0F9D-443E1885A98C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2880320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42A6C677-A2FE-E700-D219-D21B8531A834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841798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609DD668-935A-0017-ADC5-63A4B1527651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772261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64EBDD8C-747E-9AA1-449A-C6D57E01C8F1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733740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5">
            <a:extLst>
              <a:ext uri="{FF2B5EF4-FFF2-40B4-BE49-F238E27FC236}">
                <a16:creationId xmlns:a16="http://schemas.microsoft.com/office/drawing/2014/main" id="{4FEDED96-585E-4D4E-F1DA-458202C27C0D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664203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AF08E428-CCDA-0504-A4D2-57F93953521A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625682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Separator7">
            <a:extLst>
              <a:ext uri="{FF2B5EF4-FFF2-40B4-BE49-F238E27FC236}">
                <a16:creationId xmlns:a16="http://schemas.microsoft.com/office/drawing/2014/main" id="{F18F0AC9-3DF9-D209-A3D2-ADB2BBF618EA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587160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Separator8">
            <a:extLst>
              <a:ext uri="{FF2B5EF4-FFF2-40B4-BE49-F238E27FC236}">
                <a16:creationId xmlns:a16="http://schemas.microsoft.com/office/drawing/2014/main" id="{35667072-80FD-4BC0-5971-9238D4C485E6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9455593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Separator9">
            <a:extLst>
              <a:ext uri="{FF2B5EF4-FFF2-40B4-BE49-F238E27FC236}">
                <a16:creationId xmlns:a16="http://schemas.microsoft.com/office/drawing/2014/main" id="{ECB6B9AB-823D-F24F-3E53-F6B4B4A2BB41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10417071" y="219471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B_00000000000000000000000000000000_MiddleSeparator1">
            <a:extLst>
              <a:ext uri="{FF2B5EF4-FFF2-40B4-BE49-F238E27FC236}">
                <a16:creationId xmlns:a16="http://schemas.microsoft.com/office/drawing/2014/main" id="{08F57AA0-93A2-4EBC-1A9B-CA9C17F3860A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4772261" y="2386743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B_00000000000000000000000000000000_MiddleSeparator2">
            <a:extLst>
              <a:ext uri="{FF2B5EF4-FFF2-40B4-BE49-F238E27FC236}">
                <a16:creationId xmlns:a16="http://schemas.microsoft.com/office/drawing/2014/main" id="{B1DE385D-F44A-F662-5121-9420E098C234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7625682" y="2386743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B_00000000000000000000000000000000_MiddleSeparator3">
            <a:extLst>
              <a:ext uri="{FF2B5EF4-FFF2-40B4-BE49-F238E27FC236}">
                <a16:creationId xmlns:a16="http://schemas.microsoft.com/office/drawing/2014/main" id="{64086A24-79B5-30D3-3957-77225D9C0214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10417071" y="2386743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3" name="OTLSHAPE_M_d2d8195f10b8402dbea127365f95dc9b_Shape">
            <a:extLst>
              <a:ext uri="{FF2B5EF4-FFF2-40B4-BE49-F238E27FC236}">
                <a16:creationId xmlns:a16="http://schemas.microsoft.com/office/drawing/2014/main" id="{20295AFD-9489-4E94-82EA-D46E056FBF45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2384786" y="126253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M_00cf2f911e73481f90de2ca29aeac201_Shape">
            <a:extLst>
              <a:ext uri="{FF2B5EF4-FFF2-40B4-BE49-F238E27FC236}">
                <a16:creationId xmlns:a16="http://schemas.microsoft.com/office/drawing/2014/main" id="{D657F217-5FB1-175A-1E75-98EBF273B440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2974080" y="174005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M_0749ea36395e41f69526cc0b303efbad_Shape">
            <a:extLst>
              <a:ext uri="{FF2B5EF4-FFF2-40B4-BE49-F238E27FC236}">
                <a16:creationId xmlns:a16="http://schemas.microsoft.com/office/drawing/2014/main" id="{34DF07FC-EB52-D45A-6ED8-FE1E2E2C52A6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3904543" y="78501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M_2a4bfd7a23144ed29927075cd8216c5f_Shape">
            <a:extLst>
              <a:ext uri="{FF2B5EF4-FFF2-40B4-BE49-F238E27FC236}">
                <a16:creationId xmlns:a16="http://schemas.microsoft.com/office/drawing/2014/main" id="{BAE91DBE-4D5F-58EA-22E8-7BC55C911DEC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928052" y="126253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M_76698815e2b641218081b95c7be1ef14_Shape">
            <a:extLst>
              <a:ext uri="{FF2B5EF4-FFF2-40B4-BE49-F238E27FC236}">
                <a16:creationId xmlns:a16="http://schemas.microsoft.com/office/drawing/2014/main" id="{960D7D3C-778E-BCD2-EE0D-08A857EFE10C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5827500" y="174005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4e6ce4e607b040f8b65b44e74782c294_Shape">
            <a:extLst>
              <a:ext uri="{FF2B5EF4-FFF2-40B4-BE49-F238E27FC236}">
                <a16:creationId xmlns:a16="http://schemas.microsoft.com/office/drawing/2014/main" id="{6082F4FB-C486-D1FE-EB77-F449D5DDB189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6726948" y="126253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M_886881bd135a4706bbf8b64136950a6e_Shape">
            <a:extLst>
              <a:ext uri="{FF2B5EF4-FFF2-40B4-BE49-F238E27FC236}">
                <a16:creationId xmlns:a16="http://schemas.microsoft.com/office/drawing/2014/main" id="{0A6C8AF6-BB58-985C-6374-0C956F03C7C7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7409287" y="174005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M_614c35fde23a46efa7db295b8013f09c_Shape">
            <a:extLst>
              <a:ext uri="{FF2B5EF4-FFF2-40B4-BE49-F238E27FC236}">
                <a16:creationId xmlns:a16="http://schemas.microsoft.com/office/drawing/2014/main" id="{3A26065C-507F-231A-4657-7751B6D9A227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7781472" y="78501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655ffe5101c642daa5d0fdd57eb2faea_Shape">
            <a:extLst>
              <a:ext uri="{FF2B5EF4-FFF2-40B4-BE49-F238E27FC236}">
                <a16:creationId xmlns:a16="http://schemas.microsoft.com/office/drawing/2014/main" id="{CA66480B-EF71-959D-3673-681888D8D437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8960059" y="126253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M_40873560b6c04ae8a4f2cb7410ae0f3e_Shape">
            <a:extLst>
              <a:ext uri="{FF2B5EF4-FFF2-40B4-BE49-F238E27FC236}">
                <a16:creationId xmlns:a16="http://schemas.microsoft.com/office/drawing/2014/main" id="{8AFDD91A-D48F-5B01-E06D-7B52DCDE50F7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9394275" y="1740059"/>
            <a:ext cx="165100" cy="165100"/>
          </a:xfrm>
          <a:prstGeom prst="wave">
            <a:avLst/>
          </a:prstGeom>
          <a:solidFill>
            <a:srgbClr val="9A03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d2d8195f10b8402dbea127365f95dc9b_Title">
            <a:extLst>
              <a:ext uri="{FF2B5EF4-FFF2-40B4-BE49-F238E27FC236}">
                <a16:creationId xmlns:a16="http://schemas.microsoft.com/office/drawing/2014/main" id="{E3662B90-36D8-306E-39D8-3407AD36613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581636" y="1138079"/>
            <a:ext cx="965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rgbClr val="5F0F40"/>
                </a:solidFill>
                <a:latin typeface="Segoe UI" panose="020B0502040204020203" pitchFamily="34" charset="0"/>
              </a:rPr>
              <a:t>Project Kickoff</a:t>
            </a:r>
          </a:p>
        </p:txBody>
      </p:sp>
      <p:sp>
        <p:nvSpPr>
          <p:cNvPr id="25" name="OTLSHAPE_M_d2d8195f10b8402dbea127365f95dc9b_Date">
            <a:extLst>
              <a:ext uri="{FF2B5EF4-FFF2-40B4-BE49-F238E27FC236}">
                <a16:creationId xmlns:a16="http://schemas.microsoft.com/office/drawing/2014/main" id="{47C596DF-3AB6-9123-51A7-39A590B5AAA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2581636" y="1349280"/>
            <a:ext cx="292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Jul 14</a:t>
            </a:r>
          </a:p>
        </p:txBody>
      </p:sp>
      <p:sp>
        <p:nvSpPr>
          <p:cNvPr id="27" name="OTLSHAPE_M_00cf2f911e73481f90de2ca29aeac201_Title">
            <a:extLst>
              <a:ext uri="{FF2B5EF4-FFF2-40B4-BE49-F238E27FC236}">
                <a16:creationId xmlns:a16="http://schemas.microsoft.com/office/drawing/2014/main" id="{EF80601C-74F2-664F-22AE-1C509F7FE4C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3170930" y="1615599"/>
            <a:ext cx="1854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Market research completion</a:t>
            </a:r>
          </a:p>
        </p:txBody>
      </p:sp>
      <p:sp>
        <p:nvSpPr>
          <p:cNvPr id="28" name="OTLSHAPE_M_00cf2f911e73481f90de2ca29aeac201_Date">
            <a:extLst>
              <a:ext uri="{FF2B5EF4-FFF2-40B4-BE49-F238E27FC236}">
                <a16:creationId xmlns:a16="http://schemas.microsoft.com/office/drawing/2014/main" id="{CC75F2FE-FB00-1106-EFFD-7B22AADD392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3170930" y="1826800"/>
            <a:ext cx="317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Aug 2</a:t>
            </a:r>
          </a:p>
        </p:txBody>
      </p:sp>
      <p:sp>
        <p:nvSpPr>
          <p:cNvPr id="30" name="OTLSHAPE_M_0749ea36395e41f69526cc0b303efbad_Title">
            <a:extLst>
              <a:ext uri="{FF2B5EF4-FFF2-40B4-BE49-F238E27FC236}">
                <a16:creationId xmlns:a16="http://schemas.microsoft.com/office/drawing/2014/main" id="{52814AF3-B6A1-E849-186F-FE2550444DE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4101393" y="660559"/>
            <a:ext cx="2057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5F0F40"/>
                </a:solidFill>
                <a:latin typeface="Segoe UI" panose="020B0502040204020203" pitchFamily="34" charset="0"/>
              </a:rPr>
              <a:t>Strategy development finalized</a:t>
            </a:r>
          </a:p>
        </p:txBody>
      </p:sp>
      <p:sp>
        <p:nvSpPr>
          <p:cNvPr id="31" name="OTLSHAPE_M_0749ea36395e41f69526cc0b303efbad_Date">
            <a:extLst>
              <a:ext uri="{FF2B5EF4-FFF2-40B4-BE49-F238E27FC236}">
                <a16:creationId xmlns:a16="http://schemas.microsoft.com/office/drawing/2014/main" id="{6DABF0EA-9792-8884-F2FC-9D16B584B2BA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4101393" y="871760"/>
            <a:ext cx="279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Sep 1</a:t>
            </a:r>
          </a:p>
        </p:txBody>
      </p:sp>
      <p:sp>
        <p:nvSpPr>
          <p:cNvPr id="33" name="OTLSHAPE_M_2a4bfd7a23144ed29927075cd8216c5f_Title">
            <a:extLst>
              <a:ext uri="{FF2B5EF4-FFF2-40B4-BE49-F238E27FC236}">
                <a16:creationId xmlns:a16="http://schemas.microsoft.com/office/drawing/2014/main" id="{6C17EAFC-C387-0716-F718-258A917E413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124902" y="1138079"/>
            <a:ext cx="1054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F0F40"/>
                </a:solidFill>
                <a:latin typeface="Segoe UI" panose="020B0502040204020203" pitchFamily="34" charset="0"/>
              </a:rPr>
              <a:t>Content created</a:t>
            </a:r>
          </a:p>
        </p:txBody>
      </p:sp>
      <p:sp>
        <p:nvSpPr>
          <p:cNvPr id="34" name="OTLSHAPE_M_2a4bfd7a23144ed29927075cd8216c5f_Date">
            <a:extLst>
              <a:ext uri="{FF2B5EF4-FFF2-40B4-BE49-F238E27FC236}">
                <a16:creationId xmlns:a16="http://schemas.microsoft.com/office/drawing/2014/main" id="{D9B2FD32-BD39-0C74-7908-5BFD554E7281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124902" y="1349280"/>
            <a:ext cx="279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 dirty="0">
                <a:solidFill>
                  <a:srgbClr val="0F4C5C"/>
                </a:solidFill>
                <a:latin typeface="Segoe UI Semibold" panose="020B0702040204020203" pitchFamily="34" charset="0"/>
              </a:rPr>
              <a:t>Oct 4</a:t>
            </a:r>
          </a:p>
        </p:txBody>
      </p:sp>
      <p:sp>
        <p:nvSpPr>
          <p:cNvPr id="36" name="OTLSHAPE_M_76698815e2b641218081b95c7be1ef14_Title">
            <a:extLst>
              <a:ext uri="{FF2B5EF4-FFF2-40B4-BE49-F238E27FC236}">
                <a16:creationId xmlns:a16="http://schemas.microsoft.com/office/drawing/2014/main" id="{A2FFA4A2-7F39-BFB2-4E87-8A721811679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024350" y="1615599"/>
            <a:ext cx="1308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Campaign launched</a:t>
            </a:r>
          </a:p>
        </p:txBody>
      </p:sp>
      <p:sp>
        <p:nvSpPr>
          <p:cNvPr id="37" name="OTLSHAPE_M_76698815e2b641218081b95c7be1ef14_Date">
            <a:extLst>
              <a:ext uri="{FF2B5EF4-FFF2-40B4-BE49-F238E27FC236}">
                <a16:creationId xmlns:a16="http://schemas.microsoft.com/office/drawing/2014/main" id="{95AB0DA2-61D3-8352-C54C-0C79808B8DBB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024350" y="1826800"/>
            <a:ext cx="317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 dirty="0">
                <a:solidFill>
                  <a:srgbClr val="0F4C5C"/>
                </a:solidFill>
                <a:latin typeface="Segoe UI Semibold" panose="020B0702040204020203" pitchFamily="34" charset="0"/>
              </a:rPr>
              <a:t>Nov 2</a:t>
            </a:r>
          </a:p>
        </p:txBody>
      </p:sp>
      <p:sp>
        <p:nvSpPr>
          <p:cNvPr id="39" name="OTLSHAPE_M_4e6ce4e607b040f8b65b44e74782c294_Title">
            <a:extLst>
              <a:ext uri="{FF2B5EF4-FFF2-40B4-BE49-F238E27FC236}">
                <a16:creationId xmlns:a16="http://schemas.microsoft.com/office/drawing/2014/main" id="{B417C28D-5B17-9EBA-9CBD-05DBFFAB8AE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923798" y="1138079"/>
            <a:ext cx="1511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F0F40"/>
                </a:solidFill>
                <a:latin typeface="Segoe UI" panose="020B0502040204020203" pitchFamily="34" charset="0"/>
              </a:rPr>
              <a:t>Mid-campaign analysis</a:t>
            </a:r>
          </a:p>
        </p:txBody>
      </p:sp>
      <p:sp>
        <p:nvSpPr>
          <p:cNvPr id="40" name="OTLSHAPE_M_4e6ce4e607b040f8b65b44e74782c294_Date">
            <a:extLst>
              <a:ext uri="{FF2B5EF4-FFF2-40B4-BE49-F238E27FC236}">
                <a16:creationId xmlns:a16="http://schemas.microsoft.com/office/drawing/2014/main" id="{5549D0A9-D36B-CD80-F1BE-67C3D715416D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923798" y="1349280"/>
            <a:ext cx="266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4">
                <a:solidFill>
                  <a:srgbClr val="0F4C5C"/>
                </a:solidFill>
                <a:latin typeface="Segoe UI Semibold" panose="020B0702040204020203" pitchFamily="34" charset="0"/>
              </a:rPr>
              <a:t>Dec 1</a:t>
            </a:r>
          </a:p>
        </p:txBody>
      </p:sp>
      <p:sp>
        <p:nvSpPr>
          <p:cNvPr id="42" name="OTLSHAPE_M_886881bd135a4706bbf8b64136950a6e_Title">
            <a:extLst>
              <a:ext uri="{FF2B5EF4-FFF2-40B4-BE49-F238E27FC236}">
                <a16:creationId xmlns:a16="http://schemas.microsoft.com/office/drawing/2014/main" id="{1BC1A173-3F5A-988C-591E-32BEB25737A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606137" y="1615599"/>
            <a:ext cx="1231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F0F40"/>
                </a:solidFill>
                <a:latin typeface="Segoe UI" panose="020B0502040204020203" pitchFamily="34" charset="0"/>
              </a:rPr>
              <a:t>Promotional event</a:t>
            </a:r>
          </a:p>
        </p:txBody>
      </p:sp>
      <p:sp>
        <p:nvSpPr>
          <p:cNvPr id="43" name="OTLSHAPE_M_886881bd135a4706bbf8b64136950a6e_Date">
            <a:extLst>
              <a:ext uri="{FF2B5EF4-FFF2-40B4-BE49-F238E27FC236}">
                <a16:creationId xmlns:a16="http://schemas.microsoft.com/office/drawing/2014/main" id="{53E423C3-D50C-4887-1007-FE26A89D7A5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7606137" y="1826800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0">
                <a:solidFill>
                  <a:srgbClr val="0F4C5C"/>
                </a:solidFill>
                <a:latin typeface="Segoe UI Semibold" panose="020B0702040204020203" pitchFamily="34" charset="0"/>
              </a:rPr>
              <a:t>Dec 23</a:t>
            </a:r>
          </a:p>
        </p:txBody>
      </p:sp>
      <p:sp>
        <p:nvSpPr>
          <p:cNvPr id="45" name="OTLSHAPE_M_614c35fde23a46efa7db295b8013f09c_Title">
            <a:extLst>
              <a:ext uri="{FF2B5EF4-FFF2-40B4-BE49-F238E27FC236}">
                <a16:creationId xmlns:a16="http://schemas.microsoft.com/office/drawing/2014/main" id="{712C6F26-CC3D-F960-9DA9-955E0BFE6676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978322" y="660559"/>
            <a:ext cx="1905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5F0F40"/>
                </a:solidFill>
                <a:latin typeface="Segoe UI" panose="020B0502040204020203" pitchFamily="34" charset="0"/>
              </a:rPr>
              <a:t>Customer feedback collected</a:t>
            </a:r>
          </a:p>
        </p:txBody>
      </p:sp>
      <p:sp>
        <p:nvSpPr>
          <p:cNvPr id="46" name="OTLSHAPE_M_614c35fde23a46efa7db295b8013f09c_Date">
            <a:extLst>
              <a:ext uri="{FF2B5EF4-FFF2-40B4-BE49-F238E27FC236}">
                <a16:creationId xmlns:a16="http://schemas.microsoft.com/office/drawing/2014/main" id="{CA1AF5F9-FA1D-2B79-7A91-0145AE593F1A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7978322" y="871760"/>
            <a:ext cx="279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12">
                <a:solidFill>
                  <a:srgbClr val="0F4C5C"/>
                </a:solidFill>
                <a:latin typeface="Segoe UI Semibold" panose="020B0702040204020203" pitchFamily="34" charset="0"/>
              </a:rPr>
              <a:t>Jan 4</a:t>
            </a:r>
          </a:p>
        </p:txBody>
      </p:sp>
      <p:sp>
        <p:nvSpPr>
          <p:cNvPr id="48" name="OTLSHAPE_M_655ffe5101c642daa5d0fdd57eb2faea_Title">
            <a:extLst>
              <a:ext uri="{FF2B5EF4-FFF2-40B4-BE49-F238E27FC236}">
                <a16:creationId xmlns:a16="http://schemas.microsoft.com/office/drawing/2014/main" id="{81E005A1-CE62-D486-D82A-B7FBC35C7B6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9156909" y="1138079"/>
            <a:ext cx="2197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F0F40"/>
                </a:solidFill>
                <a:latin typeface="Segoe UI" panose="020B0502040204020203" pitchFamily="34" charset="0"/>
              </a:rPr>
              <a:t>Campaign ended and final review</a:t>
            </a:r>
          </a:p>
        </p:txBody>
      </p:sp>
      <p:sp>
        <p:nvSpPr>
          <p:cNvPr id="49" name="OTLSHAPE_M_655ffe5101c642daa5d0fdd57eb2faea_Date">
            <a:extLst>
              <a:ext uri="{FF2B5EF4-FFF2-40B4-BE49-F238E27FC236}">
                <a16:creationId xmlns:a16="http://schemas.microsoft.com/office/drawing/2014/main" id="{576FC4EF-F7D9-F208-4AD9-1D3725737291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156909" y="1349280"/>
            <a:ext cx="317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Feb 11</a:t>
            </a:r>
          </a:p>
        </p:txBody>
      </p:sp>
      <p:sp>
        <p:nvSpPr>
          <p:cNvPr id="51" name="OTLSHAPE_M_40873560b6c04ae8a4f2cb7410ae0f3e_Title">
            <a:extLst>
              <a:ext uri="{FF2B5EF4-FFF2-40B4-BE49-F238E27FC236}">
                <a16:creationId xmlns:a16="http://schemas.microsoft.com/office/drawing/2014/main" id="{EC816B87-896F-FE61-4297-15A08563287D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9591125" y="1615599"/>
            <a:ext cx="2184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F0F40"/>
                </a:solidFill>
                <a:latin typeface="Segoe UI" panose="020B0502040204020203" pitchFamily="34" charset="0"/>
              </a:rPr>
              <a:t>Lessons learned and documented</a:t>
            </a:r>
          </a:p>
        </p:txBody>
      </p:sp>
      <p:sp>
        <p:nvSpPr>
          <p:cNvPr id="52" name="OTLSHAPE_M_40873560b6c04ae8a4f2cb7410ae0f3e_Date">
            <a:extLst>
              <a:ext uri="{FF2B5EF4-FFF2-40B4-BE49-F238E27FC236}">
                <a16:creationId xmlns:a16="http://schemas.microsoft.com/office/drawing/2014/main" id="{BFD94BDE-6EBD-D75D-F372-519300C8E30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9591125" y="1826800"/>
            <a:ext cx="355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>
                <a:solidFill>
                  <a:srgbClr val="0F4C5C"/>
                </a:solidFill>
                <a:latin typeface="Segoe UI Semibold" panose="020B0702040204020203" pitchFamily="34" charset="0"/>
              </a:rPr>
              <a:t>Feb 25</a:t>
            </a:r>
          </a:p>
        </p:txBody>
      </p:sp>
      <p:sp>
        <p:nvSpPr>
          <p:cNvPr id="239" name="TextBox 238">
            <a:extLst>
              <a:ext uri="{FF2B5EF4-FFF2-40B4-BE49-F238E27FC236}">
                <a16:creationId xmlns:a16="http://schemas.microsoft.com/office/drawing/2014/main" id="{0CFDC1FE-431C-0197-B3C3-4F61E52E2AFC}"/>
              </a:ext>
            </a:extLst>
          </p:cNvPr>
          <p:cNvSpPr txBox="1"/>
          <p:nvPr/>
        </p:nvSpPr>
        <p:spPr>
          <a:xfrm>
            <a:off x="151102" y="252836"/>
            <a:ext cx="188258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Executive </a:t>
            </a:r>
            <a:br>
              <a:rPr lang="en-US" sz="2800" dirty="0"/>
            </a:br>
            <a:r>
              <a:rPr lang="en-US" sz="2800" dirty="0"/>
              <a:t>report </a:t>
            </a:r>
            <a:br>
              <a:rPr lang="en-US" sz="2800" dirty="0"/>
            </a:br>
            <a:r>
              <a:rPr lang="en-US" sz="2800" dirty="0"/>
              <a:t>timeline</a:t>
            </a:r>
          </a:p>
        </p:txBody>
      </p:sp>
      <p:pic>
        <p:nvPicPr>
          <p:cNvPr id="241" name="Picture 240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86AB752D-8CC7-05FE-B92B-B14848EEB25D}"/>
              </a:ext>
            </a:extLst>
          </p:cNvPr>
          <p:cNvPicPr>
            <a:picLocks noChangeAspect="1"/>
          </p:cNvPicPr>
          <p:nvPr/>
        </p:nvPicPr>
        <p:blipFill>
          <a:blip r:embed="rId1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15848" y="4544191"/>
            <a:ext cx="2148291" cy="2959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724274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3NGMwM2NmZS1lYmEwLTQyN2EtODcyNy1kNTA2YWNlZTg0NDUiLCJJbmRleCI6MCwiR3JvdXBJZCI6bnVsbCwiVGl0bGUiOiJUYXJnZXQgYXVkaWVuY2UgZGVmaW5lZCIsIkRhdGVUaW1lIjoiMjAyNS0wOC0yNlQyMzo1OTowMCIsIlBlcmNlbnRhZ2VDb21wbGV0ZSI6bnVsbCwiTm90ZSI6bnVsbCwiU3R5bGUiOnsiJGlkIjoiNiIsIlRpdGxlUG9zaXRpb24iOiJSaWdodCIsIkRhdGVQb3NpdGlvbiI6IkxlZnQiLCJTaGFwZVR5cGUiOjc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MSwiRyI6OTYsIkIiOjEzM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U2Vnb2UgVUkiLCJJc0JvbGQiOnRydWUsIklzSXRhbGljIjpmYWxzZSwiSXNVbmRlcmxpbmVkIjpmYWxzZSwiUGFyZW50U3R5bGUiOm51bGx9LCJBdXRvU2l6ZSI6MCwiRm9yZWdyb3VuZCI6eyIkaWQiOiIxNyIsIkNvbG9yIjp7IiRpZCI6IjE4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5LCJGb250TmFtZSI6IlNlZ29lIFVJIFNlbWlib2xkIiwiSXNCb2xkIjp0cnVlLCJJc0l0YWxpYyI6ZmFsc2UsIklzVW5kZXJsaW5lZCI6ZmFsc2UsIlBhcmVudFN0eWxlIjpudWxsfSwiQXV0b1NpemUiOjAsIkZvcmVncm91bmQiOnsiJGlkIjoiMjUiLCJDb2xvciI6eyIkaWQiOiIyNiIsIkEiOjI1NSwiUiI6MTUsIkciOjc2LCJCIjo5Mn19LCJNYXhXaWR0aCI6MjAwLjAsIk1heEhlaWdodCI6IkluZmluaXR5IiwiU21hcnRGb3JlZ3JvdW5kSXNBY3RpdmUiOmZhbHNlLCJIb3Jpem9udGFsQWxpZ25tZW50Ijoy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zMiLCJfdGFza3MiOltdLCJfbWlsZXN0b25lcyI6W3siJGlkIjoiMzQiLCJJZCI6Ijc0ZWU4ZTUxLTlmZGMtNDVhNC1hNThkLThiZjc0MTk4ZDgzNSIsIkluZGV4IjoxLCJHcm91cElkIjpudWxsLCJUaXRsZSI6Ik1hcmtldCBhbmFseXNpcyIsIkRhdGVUaW1lIjoiMjAyNS0wOC0xMFQyMzo1OTowMCIsIlBlcmNlbnRhZ2VDb21wbGV0ZSI6bnVsbCwiTm90ZSI6bnVsbCwiU3R5bGUiOnsiJGlkIjoiMzUiLCJUaXRsZVBvc2l0aW9uIjoiUmlnaHQiLCJEYXRlUG9zaXRpb24iOiJMZWZ0IiwiU2hhcGVUeXBlIjo3LCJTaGFwZVNpemUiOjAsIlNwYWNpbmciOjU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udWxsLCJQYXJlbnRTdHlsZSI6bnVsbH0sIkRhdGVGb3JtYXQiOnsiJGlkIjoi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yODM3N2FjMi0zYTliLTQzNzYtODM0NS0zYmFlYjc4NGEyY2QiLCJIZWFkZXJUZXh0IjpudWxsLCJJc0RlZmF1bHQiOnRydWUsIlN0eWxlIjp7IiRpZCI6Ijg3IiwiSGVhZGVyU3R5bGUiOnsiJGlkIjoiODgiLCJUZXh0U3R5bGUiOnsiJGlkIjoiODkiLCJGb250U2V0dGluZ3MiOnsiJGlkIjoiOTAiLCJGb250U2l6ZSI6MTEsIkZvbnROYW1lIjoiQ2FsaWJyaSIsIklzQm9sZCI6ZmFsc2UsIklzSXRhbGljIjpmYWxzZSwiSXNVbmRlcmxpbmVkIjpmYWxzZSwiUGFyZW50U3R5bGUiOm51bGx9LCJBdXRvU2l6ZSI6MiwiRm9yZWdyb3VuZCI6eyIkaWQiOiI5MSIsIkNvbG9yIjp7IiRpZCI6Ijk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aWQiOiIxMjYiLCJBIjowLCJSIjoyNTUsIkciOjI1NSwiQiI6MjU1fX0sIklzVmlzaWJsZSI6dHJ1ZSwiV2lkdGgiOjAuMCwiSGVpZ2h0IjowLjAsIkJvcmRlclN0eWxlIjpudWxsLCJQYXJlbnRTdHlsZSI6bnVsbH0sIlJlY3RhbmdsZV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GlkIjoiMTgzIiwiQSI6MCwiUiI6MCwiRyI6MCwiQiI6MH19LCJJc1Zpc2libGUiOnRydWUsIldpZHRoIjowLjAsIkhlaWdodCI6MC4wLCJCb3JkZXJTdHlsZSI6bnVsbC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aWQiOiIxOTAiLCJDb2xvciI6eyIkaWQiOiIxOTEiLCJBIjowLCJSIjowLCJHIjowLCJCIjowfX0sIklzVmlzaWJsZSI6dHJ1ZSwiV2lkdGgiOjAuMCwiSGVpZ2h0IjowLjAsIkJvcmRlclN0eWxlIjpudWxs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dHJ1ZSwiUGFyZW50U3R5bGUiOm51bGwsIl9leHBsaWNpdGx5U2V0Ijp7IiRpZCI6IjE5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wLCJHIjowLCJCIjowfX0sIklzVmlzaWJsZSI6dHJ1ZSwiV2lkdGgiOjAuMCwiSGVpZ2h0IjowLjAsIkJvcmRlclN0eWxlIjpudWxsLCJQYXJlbnRTdHlsZSI6bnVsbH0sIkRhdGVTdHlsZSI6eyIkaWQiOiIyMTciLCJGb250U2V0dGluZ3MiOnsiJGlkIjoiMjE4IiwiRm9udFNpemUiOjksIkZvbnROYW1lIjoiU2Vnb2UgVUkgU2VtaWJvbGQiLCJJc0JvbGQiOnRydWUsIklzSXRhbGljIjpmYWxzZSwiSXNVbmRlcmxpbmVkIjpmYWxzZSwiUGFyZW50U3R5bGUiOm51bGx9LCJBdXRvU2l6ZSI6MCwiRm9yZWdyb3VuZCI6eyIkaWQiOiIyMTkiLCJDb2xvciI6eyIkaWQiOiIyMjA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wLCJSIjowLCJHIjowLCJCIjowfX0sIklzVmlzaWJsZSI6dHJ1ZSwiV2lkdGgiOjAuMCwiSGVpZ2h0IjowLjAsIkJvcmRlclN0eWxlIjpudWxsLCJQYXJlbnRTdHlsZSI6bnVsbH0sIkRhdGVGb3JtYXQiOnsiJGlkIjoiM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GlkIjoiMjQyIiwiQ29sb3IiOnsiJGlkIjoiMjQzIiwiQSI6MCwiUiI6MjU1LCJHIjoyNTUsIkIiOjI1NX19LCJJc1Zpc2libGUiOnRydWUsIldpZHRoIjowLjAsIkhlaWdodCI6MC4wLCJCb3JkZXJTdHlsZSI6bnVsbCwiUGFyZW50U3R5bGUiOm51bGx9LCJEYXRlU3R5bGUiOnsiJGlkIjoiMjQ0IiwiRm9udFNldHRpbmdzIjp7IiRpZCI6IjI0NSIsIkZvbnRTaXplIjo5LCJGb250TmFtZSI6IlNlZ29lIFVJIFNlbWlib2xkIiwiSXNCb2xkIjp0cnVlLCJJc0l0YWxpYyI6ZmFsc2UsIklzVW5kZXJsaW5lZCI6ZmFsc2UsIlBhcmVudFN0eWxlIjpudWxsfSwiQXV0b1NpemUiOjAsIkZvcmVncm91bmQiOnsiJGlkIjoiMjQ2IiwiQ29sb3IiOnsiJGlkIjoiMjQ3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bnVsbC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RGVmYXVsdFN3aW1sYW5lQWN0aXZpdHlTdHlsZSI6eyIkaWQiOiIyNTQiLCJIZWFkZXJTdHlsZSI6eyIkaWQiOiIyNTUiLCJUZXh0U3R5bGUiOnsiJGlkIjoiMjU2IiwiRm9udFNldHRpbmdzIjp7IiRpZCI6IjI1NyIsIkZvbnRTaXplIjoxMSwiRm9udE5hbWUiOiJDYWxpYnJpIiwiSXNCb2xkIjpmYWxzZSwiSXNJdGFsaWMiOmZhbHNlLCJJc1VuZGVybGluZWQiOmZhbHNlLCJQYXJlbnRTdHlsZSI6bnVsbH0sIkF1dG9TaXplIjoyLCJGb3JlZ3JvdW5kIjp7IiRpZCI6IjI1OCIsIkNvbG9yIjp7IiRpZCI6IjI1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wLCJSIjoyNTUsIkciOjI1NSwiQiI6MjU1fX0sIklzVmlzaWJsZSI6dHJ1ZSwiV2lkdGgiOjAuMCwiSGVpZ2h0IjowLjAsIkJvcmRlclN0eWxlIjpudWxsLCJQYXJlbnRTdHlsZSI6bnVsbH0sIlJlY3Rhbmds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YzLCJSIjo5NSwiRyI6MTUsIkIiOjY0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GlkIjoiMzEzIiwiQSI6MCwiUiI6MjU1LCJHIjoyNTUsIkIiOjI1NX19LCJJc1Zpc2libGUiOnRydWUsIldpZHRoIjowLjAsIkhlaWdodCI6MC4wLCJCb3JkZXJTdHlsZSI6bnVsbCwiUGFyZW50U3R5bGUiOm51bGx9LCJEYXRlRm9ybWF0Ijp7IiRpZCI6IjM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U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MCwiUiI6MjU1LCJHIjoyNTUsIkIiOjI1NX19LCJJc1Zpc2libGUiOnRydWUsIldpZHRoIjowLjAsIkhlaWdodCI6MC4wLCJCb3JkZXJTdHlsZSI6bnVsbC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O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jk2ZGNiNjFkLTk5Y2EtNDQwZi1hNmZkLTFmMDU3MmJiYzk4OCIsIkhlYWRlclRleHQiOm51bGwsIklzRGVmYXVsdCI6dHJ1ZSwiU3R5bGUiOnsiJGlkIjoiMzcwIiwiSGVhZGVyU3R5bGUiOnsiJGlkIjoiMzcxIiwiVGV4dFN0eWxlIjp7IiRpZCI6IjM3MiIsIkZvbnRTZXR0aW5ncyI6eyIkaWQiOiIzNzMiLCJGb250U2l6ZSI6MTEsIkZvbnROYW1lIjoiQ2FsaWJyaSIsIklzQm9sZCI6ZmFsc2UsIklzSXRhbGljIjpmYWxzZSwiSXNVbmRlcmxpbmVkIjpmYWxzZSwiUGFyZW50U3R5bGUiOm51bGx9LCJBdXRvU2l6ZSI6MiwiRm9yZWdyb3VuZCI6eyIkaWQiOiIzNzQiLCJDb2xvciI6eyIkaWQiOiIzNz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udWxsLCJQYXJlbnRTdHlsZSI6bnVsbH0sIlJlY3RhbmdsZVN0eWxlIjp7IiRpZCI6IjQxMCIsIk1hcmdpbiI6eyIkaWQiOiI0MTEiLCJUb3AiOjAuMCwiTGVmdCI6MC4wLCJSaWdodCI6MC4wLCJCb3R0b20iOjAuMH0sIlBhZGRpbmciOnsiJGlkIjoiNDEyIiwiVG9wIjowLjAsIkxlZnQiOjAuMCwiUmlnaHQiOjAuMCwiQm90dG9tIjowLjB9LCJCYWNrZ3JvdW5kIjp7IiRpZCI6IjQxMyIsIkNvbG9yIjp7IiRpZCI6IjQxNCIsIkEiOjI1NSwiUiI6MTU0LCJHIjozLCJCIjozMH19LCJJc1Zpc2libGUiOnRydWUsIldpZHRoIjowLjAsIkhlaWdodCI6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udWxsfSwiQXV0b1NpemUiOjAsIkZvcmVncm91bmQiOnsiJGlkIjoiNDMxIiwiQ29sb3IiOnsiJGlkIjoiND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aWQiOiI0MzYiLCJBIjowLCJSIjowLCJHIjowLCJCIjowfX0sIklzVmlzaWJsZSI6dHJ1ZSwiV2lkdGgiOjAuMCwiSGVpZ2h0IjowLjAsIkJvcmRlclN0eWxlIjpudWxs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pZCI6IjQzOSIsIkNvbG9yIjp7IiRpZCI6IjQ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CwiRyI6MCwiQiI6MH19LCJJc1Zpc2libGUiOnRydWUsIldpZHRoIjowLjAsIkhlaWdodCI6MC4wLCJCb3JkZXJTdHlsZSI6bnVsbCwiUGFyZW50U3R5bGUiOm51bGx9LCJEYXRl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wLCJHIjowLCJCIjowfX0sIklzVmlzaWJsZSI6dHJ1ZSwiV2lkdGgiOjAuMCwiSGVpZ2h0IjowLjAsIkJvcmRlclN0eWxlIjpudWxsLCJQYXJlbnRTdHlsZSI6bnVsbH0sIkRhdGVGb3JtYXQiOnsiJGlkIjoiN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iIsIkZvcm1hdCI6MCwiSXNWaXNpYmxlIjpmYWxzZSwiTGFzdEtub3duVmlzaWJpbGl0eVN0YXRlIjpmYWxzZX0sIklzVmlzaWJsZSI6dHJ1ZSwiUGFyZW50U3R5bGUiOm51bGwsIl9leHBsaWNpdGx5U2V0Ijp7IiRpZCI6IjQ3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eyIkaWQiOiI0OTgiLCJDb2xvciI6eyIkaWQiOiI0OTkiLCJBIjowLCJSIjowLCJHIjowLCJCIjowfX0sIklzVmlzaWJsZSI6dHJ1ZSwiV2lkdGgiOjAuMCwiSGVpZ2h0IjowLjAsIkJvcmRlclN0eWxlIjpudWxsLCJQYXJlbnRTdHlsZSI6bnVsbH0sIkRhdGVTdHlsZSI6eyIkaWQiOiI1MDAiLCJGb250U2V0dGluZ3MiOnsiJGlkIjoiNTAxIiwiRm9udFNpemUiOjksIkZvbnROYW1lIjoiU2Vnb2UgVUkgU2VtaWJvbGQiLCJJc0JvbGQiOnRydWUsIklzSXRhbGljIjpmYWxzZSwiSXNVbmRlcmxpbmVkIjpmYWxzZSwiUGFyZW50U3R5bGUiOm51bGx9LCJBdXRvU2l6ZSI6MCwiRm9yZWdyb3VuZCI6eyIkaWQiOiI1MDIiLCJDb2xvciI6eyIkaWQiOiI1MDM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NTA0IiwiVG9wIjowLjAsIkxlZnQiOjAuMCwiUmlnaHQiOjAuMCwiQm90dG9tIjowLjB9LCJQYWRkaW5nIjp7IiRpZCI6IjUwNSIsIlRvcCI6MC4wLCJMZWZ0IjowLjAsIlJpZ2h0IjowLjAsIkJvdHRvbSI6MC4wfSwiQmFja2dyb3VuZCI6eyIkaWQiOiI1MDYiLCJDb2xvciI6eyIkaWQiOiI1MDciLCJBIjowLCJSIjowLCJHIjowLCJCIjowfX0sIklzVmlzaWJsZSI6dHJ1ZSwiV2lkdGgiOjAuMCwiSGVpZ2h0IjowLjAsIkJvcmRlclN0eWxlIjpudWxsLCJQYXJlbnRTdHlsZSI6bnVsbH0sIkRhdGVGb3JtYXQiOnsiJGlkIjoiN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aWQiOiI1MjUiLCJDb2xvciI6eyIkaWQiOiI1MjYiLCJBIjowLCJSIjoyNTUsIkciOjI1NSwiQiI6MjU1fX0sIklzVmlzaWJsZSI6dHJ1ZSwiV2lkdGgiOjAuMCwiSGVpZ2h0IjowLjAsIkJvcmRlclN0eWxlIjpudWxsLCJQYXJlbnRTdHlsZSI6bnVsbH0sIkRhdGVTdHlsZSI6eyIkaWQiOiI1MjciLCJGb250U2V0dGluZ3MiOnsiJGlkIjoiNTI4IiwiRm9udFNpemUiOjksIkZvbnROYW1lIjoiU2Vnb2UgVUkgU2VtaWJvbGQiLCJJc0JvbGQiOnRydWUsIklzSXRhbGljIjpmYWxzZSwiSXNVbmRlcmxpbmVkIjpmYWxzZSwiUGFyZW50U3R5bGUiOm51bGx9LCJBdXRvU2l6ZSI6MCwiRm9yZWdyb3VuZCI6eyIkaWQiOiI1MjkiLCJDb2xvciI6eyIkaWQiOiI1MzA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aWQiOiI1MzMiLCJDb2xvciI6eyIkaWQiOiI1MzQiLCJBIjowLCJSIjoyNTUsIkciOjI1NSwiQiI6MjU1fX0sIklzVmlzaWJsZSI6dHJ1ZSwiV2lkdGgiOjAuMCwiSGVpZ2h0IjowLjAsIkJvcmRlclN0eWxlIjpudWxsLCJQYXJlbnRTdHlsZSI6bnVsbH0sIkRhdGVGb3JtYXQiOnsiJGlkIjoiNT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g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udWxsLCJQYXJlbnRTdHlsZSI6bnVsbH0sIkRhdGVGb3JtYXQiOnsiJGlkIjoiNj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GlkIjoiNjkxIiwiQ29sb3IiOnsiJGlkIjoiNjkyIiwiQSI6MCwiUiI6MCwiRyI6MCwiQiI6MH19LCJJc1Zpc2libGUiOnRydWUsIldpZHRoIjowLjAsIkhlaWdodCI6MC4wLCJCb3JkZXJTdHlsZSI6bnVsbCwiUGFyZW50U3R5bGUiOm51bGx9LCJEdXJhdGlvblN0eWxlIjp7IiRpZCI6IjY5MyIsIkZvbnRTZXR0aW5ncyI6eyIkaWQiOiI2OTQiLCJGb250U2l6ZSI6MTAsIkZvbnROYW1lIjoiQ2FsaWJyaSIsIklzQm9sZCI6ZmFsc2UsIklzSXRhbGljIjpmYWxzZSwiSXNVbmRlcmxpbmVkIjpmYWxzZSwiUGFyZW50U3R5bGUiOm51bGx9LCJBdXRvU2l6ZSI6MCwiRm9yZWdyb3VuZCI6eyIkaWQiOiI2OTUiLCJDb2xvciI6eyIkaWQiOiI2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aWQiOiI3MjkiLCJDb2xvciI6eyIkaWQiOiI3MzAiLCJBIjowLCJSIjowLCJHIjowLCJCIjowfX0sIklzVmlzaWJsZSI6dHJ1ZSwiV2lkdGgiOjAuMCwiSGVpZ2h0IjowLjAsIkJvcmRlclN0eWxlIjpudWxsLCJQYXJlbnRTdHlsZSI6bnVsbH0sIkRhdGVGb3JtYXQiOnsiJGlkIjoiNz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iIsIkZvcm1hdCI6MCwiSXNWaXNpYmxlIjpmYWxzZSwiTGFzdEtub3duVmlzaWJpbGl0eVN0YXRlIjpmYWxzZX0sIklzVmlzaWJsZSI6dHJ1ZSwiUGFyZW50U3R5bGUiOm51bGwsIl9leHBsaWNpdGx5U2V0Ijp7IiRpZCI6Ijcz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AsIkciOjAsIkIiOjB9fSwiSXNWaXNpYmxlIjp0cnVlLCJXaWR0aCI6MC4wLCJIZWlnaHQiOjAuMCwiQm9yZGVyU3R5bGUiOm51bGwsIlBhcmVudFN0eWxlIjpudWxsfSwiRGF0ZVN0eWxlIjp7IiRpZCI6Ijc1NiIsIkZvbnRTZXR0aW5ncyI6eyIkaWQiOiI3NTciLCJGb250U2l6ZSI6OSwiRm9udE5hbWUiOiJTZWdvZSBVSSBTZW1pYm9sZCIsIklzQm9sZCI6dHJ1ZSwiSXNJdGFsaWMiOmZhbHNlLCJJc1VuZGVybGluZWQiOmZhbHNlLCJQYXJlbnRTdHlsZSI6bnVsbH0sIkF1dG9TaXplIjowLCJGb3JlZ3JvdW5kIjp7IiRpZCI6Ijc1OCIsIkNvbG9yIjp7IiRpZCI6Ijc1OS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AsIlIiOjAsIkciOjAsIkIiOjB9fSwiSXNWaXNpYmxlIjp0cnVlLCJXaWR0aCI6MC4wLCJIZWlnaHQiOjAuMCwiQm9yZGVyU3R5bGUiOm51bGwsIlBhcmVudFN0eWxlIjpudWxsfSwiRGF0ZUZvcm1hdCI6eyIkaWQiOiI3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aWQiOiI3OTAiLCJBIjowLCJSIjoyNTUsIkciOjI1NSwiQiI6MjU1fX0sIklzVmlzaWJsZSI6dHJ1ZSwiV2lkdGgiOjAuMCwiSGVpZ2h0IjowLjAsIkJvcmRlclN0eWxlIjpudWxs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EZWZhdWx0U3dpbWxhbmVBY3Rpdml0eVN0eWxlIjp7IiRpZCI6Ijc5MyIsIkhlYWRlclN0eWxlIjp7IiRpZCI6Ijc5NCIsIlRleHRTdHlsZSI6eyIkaWQiOiI3OTUiLCJGb250U2V0dGluZ3MiOnsiJGlkIjoiNzk2IiwiRm9udFNpemUiOjExLCJGb250TmFtZSI6IkNhbGlicmkiLCJJc0JvbGQiOmZhbHNlLCJJc0l0YWxpYyI6ZmFsc2UsIklzVW5kZXJsaW5lZCI6ZmFsc2UsIlBhcmVudFN0eWxlIjpudWxsfSwiQXV0b1NpemUiOjIsIkZvcmVncm91bmQiOnsiJGlkIjoiNzk3IiwiQ29sb3IiOnsiJGlkIjoiNzk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7IiRpZCI6Ijg1MSIsIkNvbG9yIjp7IiRpZCI6Ijg1MiIsIkEiOjAsIlIiOjI1NSwiRyI6MjU1LCJCIjoyNTV9fSwiSXNWaXNpYmxlIjp0cnVlLCJXaWR0aCI6MC4wLCJIZWlnaHQiOjAuMCwiQm9yZGVyU3R5bGUiOm51bGwsIlBhcmVudFN0eWxlIjpudWxsfSwiRGF0ZUZvcm1hdCI6eyIkaWQiOiI4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0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I1NSwiRyI6MjU1LCJCIjoyNTV9fSwiSXNWaXNpYmxlIjp0cnVlLCJXaWR0aCI6MC4wLCJIZWlnaHQiOjAuMCwiQm9yZGVyU3R5bGUiOm51bGw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x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WVmNzkwZWItYmUyMi00YjM3LWI2MGYtMjUzMTJiY2EzNzQxIiwiSGVhZGVyVGV4dCI6bnVsbCwiSXNEZWZhdWx0Ijp0cnVlLCJTdHlsZSI6eyIkaWQiOiI4ODIiLCJIZWFkZXJTdHlsZSI6eyIkaWQiOiI4ODMiLCJUZXh0U3R5bGUiOnsiJGlkIjoiODg0IiwiRm9udFNldHRpbmdzIjp7IiRpZCI6Ijg4NSIsIkZvbnRTaXplIjoxMSwiRm9udE5hbWUiOiJDYWxpYnJpIiwiSXNCb2xkIjpmYWxzZSwiSXNJdGFsaWMiOmZhbHNlLCJJc1VuZGVybGluZWQiOmZhbHNlLCJQYXJlbnRTdHlsZSI6bnVsbH0sIkF1dG9TaXplIjoyLCJGb3JlZ3JvdW5kIjp7IiRpZCI6Ijg4NiIsIkNvbG9yIjp7IiRpZCI6Ijg4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CwiRyI6MCwiQiI6MH19LCJJc1Zpc2libGUiOnRydWUsIldpZHRoIjowLjAsIkhlaWdodCI6MC4wLCJCb3JkZXJTdHlsZSI6bnVsbC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aWQiOiI5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GlkIjoiOTc3IiwiQ29sb3IiOnsiJGlkIjoiOTc4IiwiQSI6MCwiUiI6MCwiRyI6MCwiQiI6MH19LCJJc1Zpc2libGUiOnRydWUsIldpZHRoIjowLjAsIkhlaWdodCI6MC4wLCJCb3JkZXJTdHlsZSI6bnVsbCwiUGFyZW50U3R5bGUiOm51bGx9LCJEYXRlU3R5bGUiOnsiJGlkIjoiOTc5IiwiRm9udFNldHRpbmdzIjp7IiRpZCI6Ijk4MCIsIkZvbnRTaXplIjoxMCwiRm9udE5hbWUiOiJDYWxpYnJpIiwiSXNCb2xkIjpmYWxzZSwiSXNJdGFsaWMiOmZhbHNlLCJJc1VuZGVybGluZWQiOmZhbHNlLCJQYXJlbnRTdHlsZSI6bnVsbH0sIkF1dG9TaXplIjowLCJGb3JlZ3JvdW5kIjp7IiRpZCI6Ijk4MSIsIkNvbG9yIjp7IiRpZCI6Ijk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wLCJSIjowLCJHIjowLCJCIjowfX0sIklzVmlzaWJsZSI6dHJ1ZSwiV2lkdGgiOjAuMCwiSGVpZ2h0IjowLjAsIkJvcmRlclN0eWxlIjpudWxsLCJQYXJlbnRTdHlsZSI6bnVsbH0sIkRhdGVGb3JtYXQiOnsiJGlkIjoiOT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OCIsIkZvcm1hdCI6MCwiSXNWaXNpYmxlIjpmYWxzZSwiTGFzdEtub3duVmlzaWJpbGl0eVN0YXRlIjpmYWxzZX0sIklzVmlzaWJsZSI6dHJ1ZSwiUGFyZW50U3R5bGUiOm51bGwsIl9leHBsaWNpdGx5U2V0Ijp7IiRpZCI6Ijk4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aWQiOiIxMDE5IiwiQSI6MCwiUiI6MCwiRyI6MCwiQiI6MH19LCJJc1Zpc2libGUiOnRydWUsIldpZHRoIjowLjAsIkhlaWdodCI6MC4wLCJCb3JkZXJTdHlsZSI6bnVsbCwiUGFyZW50U3R5bGUiOm51bGx9LCJEYXRlRm9ybWF0Ijp7IiRpZCI6IjEw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pZCI6IjEwNDYiLCJBIjowLCJSIjoyNTUsIkciOjI1NSwiQiI6MjU1fX0sIklzVmlzaWJsZSI6dHJ1ZSwiV2lkdGgiOjAuMCwiSGVpZ2h0IjowLjAsIkJvcmRlclN0eWxlIjpudWxsLCJQYXJlbnRTdHlsZSI6bnVsbH0sIkRhdGVGb3JtYXQiOnsiJGlkIjoiMTA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AsIlIiOjI1NSwiRyI6MjU1LCJCIjoyNTV9fSwiSXNWaXNpYmxlIjp0cnVlLCJXaWR0aCI6MC4wLCJIZWlnaHQiOjAuMCwiQm9yZGVyU3R5bGUiOm51bGwsIlBhcmVudFN0eWxlIjpudWxsfSwiRGF0ZVN0eWxlIjp7IiRpZCI6IjExMDEiLCJGb250U2V0dGluZ3MiOnsiJGlkIjoiMTEwMiIsIkZvbnRTaXplIjo5LCJGb250TmFtZSI6IlNlZ29lIFVJIFNlbWlib2xkIiwiSXNCb2xkIjp0cnVlLCJJc0l0YWxpYyI6ZmFsc2UsIklzVW5kZXJsaW5lZCI6ZmFsc2UsIlBhcmVudFN0eWxlIjpudWxsfSwiQXV0b1NpemUiOjAsIkZvcmVncm91bmQiOnsiJGlkIjoiMTEwMyIsIkNvbG9yIjp7IiRpZCI6IjExMDQ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aWQiOiIxMTA4IiwiQSI6MCwiUiI6MjU1LCJHIjoyNTUsIkIiOjI1NX19LCJJc1Zpc2libGUiOnRydWUsIldpZHRoIjowLjAsIkhlaWdodCI6MC4wLCJCb3JkZXJTdHlsZSI6bnVsbCwiUGFyZW50U3R5bGUiOm51bGx9LCJEYXRlRm9ybWF0Ijp7IiRpZCI6IjEx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ExMzIiLCJUb3AiOjAuMCwiTGVmdCI6MC4wLCJSaWdodCI6MC4wLCJCb3R0b20iOjAuMH0sIlBhZGRpbmciOnsiJGlkIjoiMTEzMyIsIlRvcCI6MC4wLCJMZWZ0IjowLjAsIlJpZ2h0IjowLjAsIkJvdHRvbSI6MC4wfSwiQmFja2dyb3VuZCI6eyIkaWQiOiIxMTM0IiwiQ29sb3IiOnsiJGlkIjoiMTEzNSIsIkEiOjAsIlIiOjI1NSwiRyI6MjU1LCJCIjoyNTV9fSwiSXNWaXNpYmxlIjp0cnVlLCJXaWR0aCI6MC4wLCJIZWlnaHQiOjAuMCwiQm9yZGVyU3R5bGUiOm51bGwsIlBhcmVudFN0eWxlIjpudWxsfSwiRGF0ZUZvcm1hdCI6eyIkaWQiOiIxM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c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xMTU5IiwiVG9wIjowLjAsIkxlZnQiOjAuMCwiUmlnaHQiOjAuMCwiQm90dG9tIjowLjB9LCJQYWRkaW5nIjp7IiRpZCI6IjExNjAiLCJUb3AiOjAuMCwiTGVmdCI6MC4wLCJSaWdodCI6MC4wLCJCb3R0b20iOjAuMH0sIkJhY2tncm91bmQiOnsiJGlkIjoiMTE2MSIsIkNvbG9yIjp7IiRpZCI6IjExNjIiLCJBIjowLCJSIjoyNTUsIkciOjI1NSwiQiI6MjU1fX0sIklzVmlzaWJsZSI6dHJ1ZSwiV2lkdGgiOjAuMCwiSGVpZ2h0IjowLjAsIkJvcmRlclN0eWxlIjpudWxsLCJQYXJlbnRTdHlsZSI6bnVsbH0sIkRhdGVGb3JtYXQiOnsiJGlkIjoiMTE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0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NTNjZTgxMjMtYzY2Ny00ZWNmLTlmZjQtYjkxZDVlNTBiY2UyIiwiSGVhZGVyVGV4dCI6bnVsbCwiSXNEZWZhdWx0Ijp0cnVlLCJTdHlsZSI6eyIkaWQiOiIxMTY1IiwiSGVhZGVyU3R5bGUiOnsiJGlkIjoiMTE2NiIsIlRleHRTdHlsZSI6eyIkaWQiOiIxMTY3IiwiRm9udFNldHRpbmdzIjp7IiRpZCI6IjExNjgiLCJGb250U2l6ZSI6MTEsIkZvbnROYW1lIjoiQ2FsaWJyaSIsIklzQm9sZCI6ZmFsc2UsIklzSXRhbGljIjpmYWxzZSwiSXNVbmRlcmxpbmVkIjpmYWxzZSwiUGFyZW50U3R5bGUiOm51bGx9LCJBdXRvU2l6ZSI6MiwiRm9yZWdyb3VuZCI6eyIkaWQiOiIxMTY5IiwiQ29sb3IiOnsiJGlkIjoiMTE3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jgiLCJUb3AiOjAuMCwiTGVmdCI6MC4wLCJSaWdodCI6MC4wLCJCb3R0b20iOjAuMH0sIlBhZGRpbmciOnsiJGlkIjoiMTIyOSIsIlRvcCI6MC4wLCJMZWZ0IjowLjAsIlJpZ2h0IjowLjAsIkJvdHRvbSI6MC4wfSwiQmFja2dyb3VuZCI6eyIkaWQiOiIxMjMwIiwiQ29sb3IiOnsiJGlkIjoiMTIzMSIsIkEiOjAsIlIiOjAsIkciOjAsIkIiOjB9fSwiSXNWaXNpYmxlIjp0cnVlLCJXaWR0aCI6MC4wLCJIZWlnaHQiOjAuMCwiQm9yZGVyU3R5bGUiOm51bGwsIlBhcmVudFN0eWxlIjpudWxsfSwiRHVyYXRpb25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aWQiOiIxMjY5IiwiQSI6MCwiUiI6MCwiRyI6MCwiQiI6MH19LCJJc1Zpc2libGUiOnRydWUsIldpZHRoIjowLjAsIkhlaWdodCI6MC4wLCJCb3JkZXJTdHlsZSI6bnVsbCwiUGFyZW50U3R5bGUiOm51bGx9LCJEYXRlRm9ybWF0Ijp7IiRpZCI6IjEy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MSIsIkZvcm1hdCI6MCwiSXNWaXNpYmxlIjpmYWxzZSwiTGFzdEtub3duVmlzaWJpbGl0eVN0YXRlIjpmYWxzZX0sIklzVmlzaWJsZSI6dHJ1ZSwiUGFyZW50U3R5bGUiOm51bGwsIl9leHBsaWNpdGx5U2V0Ijp7IiRpZCI6IjEyN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I5OSIsIlRvcCI6MC4wLCJMZWZ0IjowLjAsIlJpZ2h0IjowLjAsIkJvdHRvbSI6MC4wfSwiUGFkZGluZyI6eyIkaWQiOiIxMzAwIiwiVG9wIjowLjAsIkxlZnQiOjAuMCwiUmlnaHQiOjAuMCwiQm90dG9tIjowLjB9LCJCYWNrZ3JvdW5kIjp7IiRpZCI6IjEzMDEiLCJDb2xvciI6eyIkaWQiOiIxMzAyIiwiQSI6MCwiUiI6MCwiRyI6MCwiQiI6MH19LCJJc1Zpc2libGUiOnRydWUsIldpZHRoIjowLjAsIkhlaWdodCI6MC4wLCJCb3JkZXJTdHlsZSI6bnVsbCwiUGFyZW50U3R5bGUiOm51bGx9LCJEYXRlRm9ybWF0Ijp7IiRpZCI6IjEz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xMzI2IiwiVG9wIjowLjAsIkxlZnQiOjAuMCwiUmlnaHQiOjAuMCwiQm90dG9tIjowLjB9LCJQYWRkaW5nIjp7IiRpZCI6IjEzMjciLCJUb3AiOjAuMCwiTGVmdCI6MC4wLCJSaWdodCI6MC4wLCJCb3R0b20iOjAuMH0sIkJhY2tncm91bmQiOnsiJGlkIjoiMTMyOCIsIkNvbG9yIjp7IiRpZCI6IjEzMjkiLCJBIjowLCJSIjoyNTUsIkciOjI1NSwiQiI6MjU1fX0sIklzVmlzaWJsZSI6dHJ1ZSwiV2lkdGgiOjAuMCwiSGVpZ2h0IjowLjAsIkJvcmRlclN0eWxlIjpudWxsLCJQYXJlbnRTdHlsZSI6bnVsbH0sIkRhdGVGb3JtYXQiOnsiJGlkIjoiMTM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Q5OSIsIlRvcCI6MC4wLCJMZWZ0IjowLjAsIlJpZ2h0IjowLjAsIkJvdHRvbSI6MC4wfSwiUGFkZGluZyI6eyIkaWQiOiIxNTAwIiwiVG9wIjowLjAsIkxlZnQiOjAuMCwiUmlnaHQiOjAuMCwiQm90dG9tIjowLjB9LCJCYWNrZ3JvdW5kIjp7IiRpZCI6IjE1MDEiLCJDb2xvciI6eyIkaWQiOiIxNTAyIiwiQSI6MCwiUiI6MjU1LCJHIjoyNTUsIkIiOjI1NX19LCJJc1Zpc2libGUiOnRydWUsIldpZHRoIjowLjAsIkhlaWdodCI6MC4wLCJCb3JkZXJTdHlsZSI6bnVsbCwiUGFyZW50U3R5bGUiOm51bGx9LCJEYXRlRm9ybWF0Ijp7IiRpZCI6IjE1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UzMSIsIlRvcCI6MC4wLCJMZWZ0IjowLjAsIlJpZ2h0IjowLjAsIkJvdHRvbSI6MC4wfSwiUGFkZGluZyI6eyIkaWQiOiIxNTMyIiwiVG9wIjowLjAsIkxlZnQiOjAuMCwiUmlnaHQiOjAuMCwiQm90dG9tIjowLjB9LCJCYWNrZ3JvdW5kIjp7IiRpZCI6IjE1MzMiLCJDb2xvciI6eyIkaWQiOiIxNTM0IiwiQSI6MCwiUiI6MjU1LCJHIjoyNTUsIkIiOjI1NX19LCJJc1Zpc2libGUiOnRydWUsIldpZHRoIjowLjAsIkhlaWdodCI6MC4wLCJCb3JkZXJTdHlsZSI6bnVsbCwiUGFyZW50U3R5bGUiOm51bGx9LCJEYXRlRm9ybWF0Ijp7IiRpZCI6IjE1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zNiIsIkZvcm1hdCI6MCwiSXNWaXNpYmxlIjpmYWxzZSwiTGFzdEtub3duVmlzaWJpbGl0eVN0YXRlIjpmYWxzZX0sIklzVmlzaWJsZSI6dHJ1ZSwiUGFyZW50U3R5bGUiOm51bGx9LCJEZWZhdWx0VGFza1N0eWxlIjp7IiRpZCI6IjE1MzciLCJTaGFwZSI6MSwiU2hhcGVUaGlja25lc3MiOjAsIkR1cmF0aW9uRm9ybWF0IjowLCJJbmNsdWRlTm9uV29ya2luZ0RheXNJbkR1cmF0aW9uIjpmYWxzZSwiUGVyY2VudGFnZUNvbXBsZXRl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gwIiwiVG9wIjowLjAsIkxlZnQiOjAuMCwiUmlnaHQiOjAuMCwiQm90dG9tIjowLjB9LCJQYWRkaW5nIjp7IiRpZCI6IjE1ODEiLCJUb3AiOjAuMCwiTGVmdCI6MC4wLCJSaWdodCI6MC4wLCJCb3R0b20iOjAuMH0sIkJhY2tncm91bmQiOnsiJGlkIjoiMTU4MiIsIkNvbG9yIjp7IiRpZCI6IjE1ODMiLCJBIjowLCJSIjowLCJHIjowLCJCIjowfX0sIklzVmlzaWJsZSI6dHJ1ZSwiV2lkdGgiOjAuMCwiSGVpZ2h0IjowLjAsIkJvcmRlclN0eWxlIjpudWxsLCJQYXJlbnRTdHlsZSI6bnVsbH0sIkRhdGVGb3JtYXQiOnsiJGlkIjoiMTU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1IiwiRm9ybWF0IjowLCJJc1Zpc2libGUiOmZhbHNlLCJMYXN0S25vd25WaXNpYmlsaXR5U3RhdGUiOmZhbHNlfSwiSXNWaXNpYmxlIjp0cnVlLCJQYXJlbnRTdHlsZSI6bnVsbCwiX2V4cGxpY2l0bHlTZXQiOnsiJGlkIjoiMTU4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m51bGwsIlBhcmVudFN0eWxlIjpudWxsfSwiRHVyYXRpb25TdHlsZSI6eyIkaWQiOiIxNjY1IiwiRm9udFNldHRpbmdzIjp7IiRpZCI6IjE2NjYiLCJGb250U2l6ZSI6MTAsIkZvbnROYW1lIjoiQ2FsaWJyaSIsIklzQm9sZCI6ZmFsc2UsIklzSXRhbGljIjpmYWxzZSwiSXNVbmRlcmxpbmVkIjpmYWxzZSwiUGFyZW50U3R5bGUiOm51bGx9LCJBdXRvU2l6ZSI6MCwiRm9yZWdyb3VuZCI6eyIkcmVmIjoiMTU2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2MCJ9LCJJc1Zpc2libGUiOnRydWUsIldpZHRoIjowLjAsIkhlaWdodCI6MC4wLCJCb3JkZXJTdHlsZSI6bnVsbCwiUGFyZW50U3R5bGUiOm51bGx9LCJIb3Jpem9udGFsQ29ubmVjdG9yU3R5bGUiOnsiJGlkIjoiMTY2NyIsIkxpbmVDb2xvciI6eyIkcmVmIjoiMTYzIn0sIkxpbmVXZWlnaHQiOjEuMCwiTGluZVR5cGUiOjAsIlBhcmVudFN0eWxlIjpudWxsfSwiVmVydGljYWxDb25uZWN0b3JTdHlsZSI6eyIkaWQiOiIxNjY4IiwiTGluZUNvbG9yIjp7IiRyZWYiOiIxNjY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X0sXCJDcml0aWNhbFBhdGhTdHlsZVwiOntcIiRpZFwiOlwiMTk1XCIsXCJDcml0aWNhbFBhdGhTdHlsZU9wdGlvbnNcIjoxM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iwiU291cmNlVGhlbWUiOiJ7XCIkaWRcIjpcIjFcIixcIklkXCI6XCJiNzFlODkzOC1hOGE3LTQ1MTEtODMwYy01YjcyYWE5MGQxMmJ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mZhbHNlLFwiU2VnbWVudFNlcGFyYXRvck9wYWNpdHlcIjozMCxcIlNoYXBlXCI6MyxcIlNlZ21lbnRUZXh0U3R5bGVcIjp7XCIkaWRcIjpcIjI0XCIsXCJGb250U2V0dGluZ3NcIjp7XCIkaWRcIjpcIjI1XCIsXCJGb250U2l6ZVwiOjE0LFwiRm9udE5hbWVcIjpcIlNlZ29lIFVJ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yMjcsXCJHXCI6MTAwLFwiQlwiOjIw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MyxcIlRpdGxlUG9zaXRpb25cIjo0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k1LFwiR1wiOjE1LFwiQlwiOjY0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i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k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1NCxcIkdcIjozLFwiQlwiOjMw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Tk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1NCxcIkdcIjozLFwiQlwiOjM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iOWUxZDdhMS00YmE2LTRkMmUtYjg1MS03MDI0N2M0NmE0ZTlcIixcIk5hbWVcIjpcIlN3aW1sYW5lIFN0eWxlIDFcIixcIkhlYWRlclN0eWxlXCI6e1wiJGlkXCI6XCIxMjdcIixcIlRleHRTdHlsZVwiOntcIiRpZFwiOlwiMTI4XCIsXCJGb250U2V0dGluZ3NcIjp7XCIkaWRcIjpcIjEyOVwiLFwiRm9udFNpemVcIjoxMixcIkZvbnROYW1lXCI6XCJTZWdvZSBVSVwiLFwiSXNCb2xkXCI6dHJ1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5NSxcIkdcIjoxNSxcIkJcIjo2NH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5NSxcIkdcIjoxNSxcIkJcIjo2N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TUsXCJHXCI6MTUsXCJCXCI6NjR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OTUsXCJHXCI6MTUsXCJCXCI6NjR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CxcIkRhdGVQb3NpdGlvblwiOjIsXCJTaGFwZVR5cGVcIjo3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w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5NSxcIkdcIjoxNSxcIkJcIjo2N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5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5NSxcIkdcIjoxNSxcIkJcIjo2NH19LFwiSXNWaXNpYmxlXCI6dHJ1ZSxcIldpZHRoXCI6MTMuMCxcIkhlaWdodFwiOjEz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jYWE1NmM3NS0yZDIwLTRlMjMtYjRkYy02OWMxNmZhYjkzZWZcIixcIk5hbWVcIjpcIlN3aW1sYW5lIFN0eWxlIDJcIixcIkhlYWRlclN0eWxlXCI6e1wiJGlkXCI6XCIyNDhcIixcIlRleHRTdHlsZVwiOntcIiRpZFwiOlwiMjQ5XCIsXCJGb250U2V0dGluZ3NcIjp7XCIkaWRcIjpcIjI1MFwiLFwiRm9udFNpemVcIjoxMixcIkZvbnROYW1lXCI6XCJTZWdvZSBVS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NTQsXCJHXCI6MyxcIkJcIjozMH19LFwiSXNWaXNpYmxlXCI6dHJ1ZSxcIldpZHRoXCI6MC4wLFwiSGVpZ2h0XCI6MC4wLFwiQm9yZGVyU3R5bGVcIjp7XCIkaWRcIjpcIjI1OFwiLFwiTGluZVN0eWxlXCI6e1wiJGlkXCI6XCIyNTlcIixcIkxpbmVDb2xvclwiOntcIiRpZFwiOlwiMjYwXCIsXCJDb2xvclwiOntcIiRpZFwiOlwiMjYxXCIsXCJBXCI6MjU1LFwiUlwiOjI1NSxcIkdcIjowLFwiQlwiOjB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xNTQsXCJHXCI6MyxcIkJcIjozMH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U0LFwiR1wiOjMsXCJCXCI6MzB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TU0LFwiR1wiOjMsXCJCXCI6MzB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CxcIkRhdGVQb3NpdGlvblwiOjIsXCJTaGFwZVR5cGVcIjo4LFwiU2hhcGVTaXplXCI6MCxcIlNwYWNpbmdcIjoz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5NSxcIkdcIjoxNSxcIkJcIjo2N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A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1NCxcIkdcIjozLFwiQlwiOjM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0cnV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i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Tk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1NCxcIkdcIjozLFwiQlwiOjMw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lhNzEzYjNlLWVlOTEtNDc4ZS1iZWEwLTQzNGYwODA2NjEwY1wiLFwiTmFtZVwiOlwiU3dpbWxhbmUgU3R5bGUgM1wiLFwiSGVhZGVyU3R5bGVcIjp7XCIkaWRcIjpcIjM2OVwiLFwiVGV4dFN0eWxlXCI6e1wiJGlkXCI6XCIzNzBcIixcIkZvbnRTZXR0aW5nc1wiOntcIiRpZFwiOlwiMzcxXCIsXCJGb250U2l6ZVwiOjEyLFwiRm9udE5hbWVcIjpcIlNlZ29lIFVJXCIsXCJJc0JvbGRcIjp0cnVlLFwiSXNJdGFsaWNcIjpmYWxzZSxcIklzVW5kZXJsaW5lZFwiOmZhbHNlfSxcIkZvcmVncm91bmRcIjp7XCIkaWRcIjpcIjM3MlwiLFwiQ29sb3JcIjp7XCIkaWRcIjpcIjM3M1wiLFwiQVwiOjI1NSxcIlJcIjoyNTUsXCJHXCI6MjU1LFwiQlwiOjI1NX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1MSxcIkdcIjoxMzksXCJCXCI6MzZ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UxLFwiR1wiOjEzOSxcIkJcIjozNn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xLFwiR1wiOjEzOSxcIkJcIjozNn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NTEsXCJHXCI6MTM5LFwiQlwiOjM2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EsXCJHXCI6OTYsXCJCXCI6MTMw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MC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xLFwiR1wiOjEzOSxcIkJcIjozNn19LFwiSXNWaXNpYmxlXCI6dHJ1ZSxcIldpZHRoXCI6MC4wLFwiSGVpZ2h0XCI6MTA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2FsaWJyaVwiLFwiSXNCb2xkXCI6dHJ1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Y4LFwiR1wiOjg0LFwiQlwiOjEwNn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5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yNTEsXCJHXCI6MTM5LFwiQlwiOjM2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jNmODA5NDM1LTU4OTktNDU3Ni1hMDEzLWY1MWNhYWZmNzVmYlwiLFwiTmFtZVwiOlwiU3dpbWxhbmUgU3R5bGUgNFwiLFwiSGVhZGVyU3R5bGVcIjp7XCIkaWRcIjpcIjQ5MFwiLFwiVGV4dFN0eWxlXCI6e1wiJGlkXCI6XCI0OTFcIixcIkZvbnRTZXR0aW5nc1wiOntcIiRpZFwiOlwiNDkyXCIsXCJGb250U2l6ZVwiOjEyLFwiRm9udE5hbWVcIjpcIlNlZ29lIFVJXCIsXCJJc0JvbGRcIjp0cnV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IyNyxcIkdcIjoxMDAsXCJCXCI6MjB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I3LFwiR1wiOjEwMCxcIkJcIjoy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AuMCxcIkxpbmVUeXBlXCI6MH0sXCJJc1Zpc2libGVcIjpmYWxzZX19LFwiSXNBYm92ZVRpbWViYW5kXCI6ZmFsc2UsXCJTcGFjaW5nXCI6NS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jI3LFwiR1wiOjEwMCxcIkJcIjoyMH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jcsXCJHXCI6MTAwLFwiQlwiOjI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TM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k1LFwiR1wiOjE1LFwiQlwiOjY0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A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zLFwiRW5kRGF0ZVBvc2l0aW9uXCI6MyxcIlRpdGxlUG9zaXRpb25cIjo0LFwiRHVyYXRpb25Qb3NpdGlvblwiOjAsXCJQZXJjZW50YWdlQ29tcGxldGVkUG9zaXRpb25cIjow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IyNyxcIkdcIjoxMDAsXCJCXCI6MjB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kNhbGlicmlcIixcIklzQm9sZFwiOnRydW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2OCxcIkdcIjo4NCxcIkJcIjoxMDZ9fSxcIkhvcml6b250YWxBbGlnbm1lbnRcIjoyLFwiSXNWaXNpYmxlXCI6dHJ1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OSxcIlNoYXBlU2l6ZVwiOjEsXCJEZXRhaWxzU3BhY2luZ1wiOjI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I1NSxcIlJcIjoxNSxcIkdcIjo3NixcIkJcIjo5Mn19LFwiSXNWaXNpYmxlXCI6dHJ1ZSxcIldpZHRoXCI6MC4wLFwiSGVpZ2h0XCI6MC4wLFwiQm9yZGVyU3R5bGVcIjp7XCIkaWRcIjpcIjYyMVwiLFwiTGluZVN0eWxlXCI6e1wiJGlkXCI6XCI2MjJcIixcIkxpbmVDb2xvclwiOntcIiRpZFwiOlwiNjIzXCIsXCJDb2xvclwiOntcIiRpZFwiOlwiNjI0XCIsXCJBXCI6MjU1LFwiUlwiOjI1NSxcIkdcIjowLFwiQlwiOjB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1MSxcIlJcIjoxNSxcIkdcIjo3NixcIkJcIjo5Mn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M2OSIsIlVzZVRpbWUiOmZhbHNlLCJXb3JrRGF5U3RhcnQiOiIwMDowMDowMCIsIldvcmtEYXlFbmQiOiIyMzo1OTowMCJ9LCJMYXN0VXNlZFRlbXBsYXRlSWQiOiJjYzI2Zjg2My0yN2NlLTQ4MGUtYTU4OS1iM2YxMmYyZDZlYjAiLCJMYXN0VXNlZFRoZW1lRGV0YWlscyI6eyIkaWQiOiIyMzcwIiwiSWQiOiJiNzFlODkzOC1hOGE3LTQ1MTEtODMwYy01YjcyYWE5MGQxMmIiLCJUaXRsZSI6IlVudGl0bGVkIHRoZW1lIiwiQ2F0ZWdvcnkiOjJ9LCJGaXJzdFdlZWtPZlllYXIiOjAsIlBsYWNlTWlsZXN0b25lQXRUaGVCZWdpbm5pbmdPZlRoZURheSI6ZmFsc2UsIkRlcGVuZGVuY3lTY2hlZHVsaW5nU2V0dGluZ3MiOnsiJGlkIjoiMjM3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Kickoff"/>
  <p:tag name="OTLDATE" val="2025-07-14T23:59:00.0000000"/>
  <p:tag name="OTLPOSITIONONTASK" val="None"/>
  <p:tag name="OTLRELATEDTASKID" val="00000000-0000-0000-0000-000000000000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ket research completion"/>
  <p:tag name="OTLDATE" val="2025-08-02T23:59:00.0000000"/>
  <p:tag name="OTLPOSITIONONTASK" val="None"/>
  <p:tag name="OTLRELATEDTASKID" val="00000000-0000-0000-0000-00000000000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ategy development finalized"/>
  <p:tag name="OTLDATE" val="2025-09-01T23:59:00.0000000"/>
  <p:tag name="OTLPOSITIONONTASK" val="None"/>
  <p:tag name="OTLRELATEDTASKID" val="00000000-0000-0000-0000-000000000000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tent created"/>
  <p:tag name="OTLDATE" val="2025-10-04T23:59:00.0000000"/>
  <p:tag name="OTLPOSITIONONTASK" val="None"/>
  <p:tag name="OTLRELATEDTASKID" val="00000000-0000-0000-0000-00000000000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1-02T23:59:00.0000000"/>
  <p:tag name="OTLPOSITIONONTASK" val="None"/>
  <p:tag name="OTLRELATEDTASKID" val="00000000-0000-0000-0000-000000000000"/>
  <p:tag name="OTLMTITLE" val="Campaign launched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d-campaign analysis"/>
  <p:tag name="OTLDATE" val="2025-12-01T23:59:00.0000000"/>
  <p:tag name="OTLPOSITIONONTASK" val="None"/>
  <p:tag name="OTLRELATEDTASKID" val="00000000-0000-0000-0000-000000000000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motional event"/>
  <p:tag name="OTLDATE" val="2025-12-23T23:59:00.0000000"/>
  <p:tag name="OTLPOSITIONONTASK" val="None"/>
  <p:tag name="OTLRELATEDTASKID" val="00000000-0000-0000-0000-000000000000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ustomer feedback collected"/>
  <p:tag name="OTLDATE" val="2026-01-04T23:59:00.0000000"/>
  <p:tag name="OTLPOSITIONONTASK" val="None"/>
  <p:tag name="OTLRELATEDTASKID" val="00000000-0000-0000-0000-00000000000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aign ended and final review"/>
  <p:tag name="OTLDATE" val="2026-02-11T23:59:00.0000000"/>
  <p:tag name="OTLPOSITIONONTASK" val="None"/>
  <p:tag name="OTLRELATEDTASKID" val="00000000-0000-0000-0000-000000000000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ssons learned and documented"/>
  <p:tag name="OTLDATE" val="2026-02-25T23:59:00.0000000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ENDDATE" val="2026-04-0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4.59655430711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TARTDATE" val="2025-07-01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ENDDATE" val="2026-04-0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4.59655430711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TARTDATE" val="2025-07-01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5-07-01T23:59:00.0000000"/>
  <p:tag name="OTLTIMEBANDENDDATE" val="2026-04-08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4.59655430711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arget audience defined"/>
  <p:tag name="OTLDATE" val="2025-08-26T23:59:00.0000000"/>
  <p:tag name="OTLPOSITIONONTASK" val="None"/>
  <p:tag name="OTLRELATEDTASKID" val="00000000-0000-0000-0000-00000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arket analysis"/>
  <p:tag name="OTLDATE" val="2025-08-10T23:59:00.0000000"/>
  <p:tag name="OTLPOSITIONONTASK" val="None"/>
  <p:tag name="OTLRELATEDTASKID" val="00000000-0000-0000-0000-00000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mpetitors analyzed"/>
  <p:tag name="OTLDATE" val="2025-08-19T23:59:00.0000000"/>
  <p:tag name="OTLPOSITIONONTASK" val="None"/>
  <p:tag name="OTLRELATEDTASKID" val="00000000-0000-0000-0000-00000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aign planned"/>
  <p:tag name="OTLDATE" val="2025-09-08T23:59:00.0000000"/>
  <p:tag name="OTLPOSITIONONTASK" val="None"/>
  <p:tag name="OTLRELATEDTASKID" val="00000000-0000-0000-0000-000000000000"/>
  <p:tag name="OTLMILESTONESPACING" val="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arketing materials produced"/>
  <p:tag name="OTLDATE" val="2025-10-22T23:59:00.0000000"/>
  <p:tag name="OTLPOSITIONONTASK" val="None"/>
  <p:tag name="OTLRELATEDTASKID" val="00000000-0000-0000-0000-00000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udget approved"/>
  <p:tag name="OTLDATE" val="2025-09-23T23:59:00.0000000"/>
  <p:tag name="OTLPOSITIONONTASK" val="None"/>
  <p:tag name="OTLRELATEDTASKID" val="00000000-0000-0000-0000-00000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5-11-07T23:59:00.0000000"/>
  <p:tag name="OTLPOSITIONONTASK" val="None"/>
  <p:tag name="OTLRELATEDTASKID" val="00000000-0000-0000-0000-000000000000"/>
  <p:tag name="OTLMTITLE" val="Digital marketing initiated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rints and events"/>
  <p:tag name="OTLDATE" val="2025-11-24T23:59:00.0000000"/>
  <p:tag name="OTLPOSITIONONTASK" val="None"/>
  <p:tag name="OTLRELATEDTASKID" val="00000000-0000-0000-0000-00000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 evaluation"/>
  <p:tag name="OTLPOSITIONONTASK" val="None"/>
  <p:tag name="OTLRELATEDTASKID" val="00000000-0000-0000-0000-000000000000"/>
  <p:tag name="OTLDATE" val="2026-02-01T23:59:00.0000000"/>
  <p:tag name="OTLMILESTONESPACING" val="5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port and future recommendations"/>
  <p:tag name="OTLDATE" val="2026-02-18T23:59:00.0000000"/>
  <p:tag name="OTLPOSITIONONTASK" val="None"/>
  <p:tag name="OTLRELATEDTASKID" val="00000000-0000-0000-0000-000000000000"/>
  <p:tag name="OTLMILESTONESPACING" val="5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6-03-07T23:59:00.0000000"/>
  <p:tag name="OTLPOSITIONONTASK" val="None"/>
  <p:tag name="OTLRELATEDTASKID" val="00000000-0000-0000-0000-000000000000"/>
  <p:tag name="OTLMTITLE" val="Document key lessons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rchive campaign materials"/>
  <p:tag name="OTLDATE" val="2026-03-13T23:59:00.0000000"/>
  <p:tag name="OTLPOSITIONONTASK" val="None"/>
  <p:tag name="OTLRELATEDTASKID" val="00000000-0000-0000-0000-00000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ost-mortem"/>
  <p:tag name="OTLDATE" val="2026-03-20T23:59:00.0000000"/>
  <p:tag name="OTLPOSITIONONTASK" val="None"/>
  <p:tag name="OTLRELATEDTASKID" val="00000000-0000-0000-0000-00000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8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ptos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07T14:45:31Z</dcterms:created>
  <dcterms:modified xsi:type="dcterms:W3CDTF">2024-10-22T13:33:51Z</dcterms:modified>
</cp:coreProperties>
</file>